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5-1)" sheetId="7" r:id="rId1"/>
  </sheets>
  <definedNames>
    <definedName name="_xlnm.Print_Area" localSheetId="0">'2(5-1)'!$A$1:$O$72</definedName>
  </definedNames>
  <calcPr calcId="162913"/>
</workbook>
</file>

<file path=xl/sharedStrings.xml><?xml version="1.0" encoding="utf-8"?>
<sst xmlns="http://schemas.openxmlformats.org/spreadsheetml/2006/main" count="166" uniqueCount="70">
  <si>
    <t>アカマツ</t>
  </si>
  <si>
    <t>クロマツ</t>
  </si>
  <si>
    <t>カラマツ</t>
  </si>
  <si>
    <t>成長量</t>
  </si>
  <si>
    <t>標準</t>
  </si>
  <si>
    <t>伐期</t>
  </si>
  <si>
    <t>未満</t>
    <rPh sb="0" eb="2">
      <t>ミマン</t>
    </rPh>
    <phoneticPr fontId="1"/>
  </si>
  <si>
    <t>以上</t>
    <rPh sb="0" eb="2">
      <t>イジョウ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５</t>
    <phoneticPr fontId="1"/>
  </si>
  <si>
    <t>７</t>
    <phoneticPr fontId="1"/>
  </si>
  <si>
    <t>９</t>
    <phoneticPr fontId="1"/>
  </si>
  <si>
    <t>１０</t>
    <phoneticPr fontId="1"/>
  </si>
  <si>
    <t>１１</t>
    <phoneticPr fontId="1"/>
  </si>
  <si>
    <t>１３</t>
    <phoneticPr fontId="1"/>
  </si>
  <si>
    <t>１４</t>
    <phoneticPr fontId="1"/>
  </si>
  <si>
    <t>１５</t>
  </si>
  <si>
    <t>１６</t>
  </si>
  <si>
    <t>１７</t>
  </si>
  <si>
    <t>１８</t>
  </si>
  <si>
    <t>１９</t>
  </si>
  <si>
    <t xml:space="preserve"> 針葉樹</t>
    <phoneticPr fontId="1"/>
  </si>
  <si>
    <t>広葉樹</t>
    <rPh sb="0" eb="3">
      <t>コウヨウジュ</t>
    </rPh>
    <phoneticPr fontId="1"/>
  </si>
  <si>
    <t>合計</t>
    <rPh sb="0" eb="1">
      <t>ゴウ</t>
    </rPh>
    <phoneticPr fontId="1"/>
  </si>
  <si>
    <t>５</t>
    <phoneticPr fontId="1"/>
  </si>
  <si>
    <t>６</t>
    <phoneticPr fontId="1"/>
  </si>
  <si>
    <t>７</t>
    <phoneticPr fontId="1"/>
  </si>
  <si>
    <t>８</t>
    <phoneticPr fontId="1"/>
  </si>
  <si>
    <t>９</t>
    <phoneticPr fontId="1"/>
  </si>
  <si>
    <t>１０</t>
    <phoneticPr fontId="1"/>
  </si>
  <si>
    <t>１１</t>
    <phoneticPr fontId="1"/>
  </si>
  <si>
    <t>１２</t>
    <phoneticPr fontId="1"/>
  </si>
  <si>
    <t>１３</t>
    <phoneticPr fontId="1"/>
  </si>
  <si>
    <t>１４</t>
    <phoneticPr fontId="1"/>
  </si>
  <si>
    <t>２０
以上</t>
    <rPh sb="3" eb="5">
      <t>イジョウ</t>
    </rPh>
    <phoneticPr fontId="1"/>
  </si>
  <si>
    <t>合計</t>
    <phoneticPr fontId="1"/>
  </si>
  <si>
    <t>合計</t>
    <rPh sb="0" eb="2">
      <t>ゴウケイ</t>
    </rPh>
    <phoneticPr fontId="1"/>
  </si>
  <si>
    <t>１</t>
    <phoneticPr fontId="1"/>
  </si>
  <si>
    <t>２</t>
    <phoneticPr fontId="1"/>
  </si>
  <si>
    <t>３</t>
    <phoneticPr fontId="1"/>
  </si>
  <si>
    <t>４</t>
    <phoneticPr fontId="1"/>
  </si>
  <si>
    <t>６</t>
    <phoneticPr fontId="1"/>
  </si>
  <si>
    <t>１０</t>
    <phoneticPr fontId="1"/>
  </si>
  <si>
    <t>１１</t>
    <phoneticPr fontId="1"/>
  </si>
  <si>
    <t>１２</t>
    <phoneticPr fontId="1"/>
  </si>
  <si>
    <t xml:space="preserve"> 針葉樹</t>
    <phoneticPr fontId="1"/>
  </si>
  <si>
    <t xml:space="preserve"> 針葉樹</t>
    <phoneticPr fontId="1"/>
  </si>
  <si>
    <t xml:space="preserve"> 針葉樹</t>
    <phoneticPr fontId="1"/>
  </si>
  <si>
    <t>スギ</t>
    <phoneticPr fontId="1"/>
  </si>
  <si>
    <t>ヒノキ</t>
    <phoneticPr fontId="1"/>
  </si>
  <si>
    <t>ブナ</t>
    <phoneticPr fontId="1"/>
  </si>
  <si>
    <t>クヌギ</t>
    <phoneticPr fontId="1"/>
  </si>
  <si>
    <t>その他</t>
    <phoneticPr fontId="1"/>
  </si>
  <si>
    <t>針葉樹</t>
    <phoneticPr fontId="1"/>
  </si>
  <si>
    <t>広葉樹</t>
    <phoneticPr fontId="1"/>
  </si>
  <si>
    <t>面積</t>
    <phoneticPr fontId="1"/>
  </si>
  <si>
    <t>蓄積</t>
    <phoneticPr fontId="1"/>
  </si>
  <si>
    <t>面積</t>
    <phoneticPr fontId="1"/>
  </si>
  <si>
    <t>蓄積</t>
    <phoneticPr fontId="1"/>
  </si>
  <si>
    <t>蓄積</t>
    <phoneticPr fontId="1"/>
  </si>
  <si>
    <t>面積</t>
    <phoneticPr fontId="1"/>
  </si>
  <si>
    <t>蓄積</t>
    <phoneticPr fontId="1"/>
  </si>
  <si>
    <t>齢級</t>
    <phoneticPr fontId="1"/>
  </si>
  <si>
    <t>区分</t>
    <phoneticPr fontId="1"/>
  </si>
  <si>
    <t>区分</t>
    <rPh sb="0" eb="2">
      <t>クブン</t>
    </rPh>
    <phoneticPr fontId="1"/>
  </si>
  <si>
    <t>齢級</t>
    <phoneticPr fontId="1"/>
  </si>
  <si>
    <t>その他</t>
    <rPh sb="2" eb="3">
      <t>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2" formatCode="0_ 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3">
    <border>
      <left/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/>
      <top style="double">
        <color indexed="8"/>
      </top>
      <bottom/>
      <diagonal/>
    </border>
    <border>
      <left/>
      <right/>
      <top style="thick">
        <color indexed="8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8"/>
      </left>
      <right style="thick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64"/>
      </right>
      <top style="double">
        <color indexed="8"/>
      </top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64"/>
      </right>
      <top/>
      <bottom style="thick">
        <color indexed="8"/>
      </bottom>
      <diagonal/>
    </border>
    <border>
      <left style="thin">
        <color indexed="64"/>
      </left>
      <right style="thin">
        <color indexed="8"/>
      </right>
      <top/>
      <bottom style="thick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ck">
        <color indexed="8"/>
      </right>
      <top/>
      <bottom/>
      <diagonal/>
    </border>
    <border>
      <left style="thin">
        <color indexed="8"/>
      </left>
      <right/>
      <top/>
      <bottom style="thick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ck">
        <color indexed="8"/>
      </left>
      <right style="thin">
        <color indexed="8"/>
      </right>
      <top style="thin">
        <color indexed="8"/>
      </top>
      <bottom/>
      <diagonal/>
    </border>
    <border>
      <left style="thick">
        <color indexed="8"/>
      </left>
      <right style="thin">
        <color indexed="8"/>
      </right>
      <top/>
      <bottom/>
      <diagonal/>
    </border>
    <border>
      <left style="thick">
        <color indexed="8"/>
      </left>
      <right style="thin">
        <color indexed="8"/>
      </right>
      <top style="thick">
        <color indexed="8"/>
      </top>
      <bottom/>
      <diagonal/>
    </border>
    <border>
      <left style="thin">
        <color indexed="8"/>
      </left>
      <right style="thin">
        <color indexed="8"/>
      </right>
      <top style="thick">
        <color indexed="8"/>
      </top>
      <bottom/>
      <diagonal/>
    </border>
    <border>
      <left style="thick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thick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/>
      <right style="thin">
        <color indexed="64"/>
      </right>
      <top style="thick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ck">
        <color indexed="8"/>
      </top>
      <bottom style="thin">
        <color indexed="8"/>
      </bottom>
      <diagonal/>
    </border>
    <border>
      <left style="thick">
        <color indexed="8"/>
      </left>
      <right style="thin">
        <color indexed="8"/>
      </right>
      <top/>
      <bottom style="double">
        <color indexed="8"/>
      </bottom>
      <diagonal/>
    </border>
    <border>
      <left style="thick">
        <color indexed="8"/>
      </left>
      <right/>
      <top style="double">
        <color indexed="8"/>
      </top>
      <bottom/>
      <diagonal/>
    </border>
    <border>
      <left style="thick">
        <color indexed="8"/>
      </left>
      <right/>
      <top/>
      <bottom/>
      <diagonal/>
    </border>
    <border>
      <left style="thick">
        <color indexed="8"/>
      </left>
      <right/>
      <top style="thin">
        <color indexed="8"/>
      </top>
      <bottom/>
      <diagonal/>
    </border>
    <border>
      <left style="thick">
        <color indexed="8"/>
      </left>
      <right/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 style="thick">
        <color indexed="8"/>
      </right>
      <top style="double">
        <color indexed="8"/>
      </top>
      <bottom/>
      <diagonal/>
    </border>
    <border>
      <left style="thin">
        <color indexed="8"/>
      </left>
      <right style="thick">
        <color indexed="8"/>
      </right>
      <top/>
      <bottom style="thick">
        <color indexed="8"/>
      </bottom>
      <diagonal/>
    </border>
    <border>
      <left style="thin">
        <color indexed="64"/>
      </left>
      <right style="thick">
        <color indexed="64"/>
      </right>
      <top style="thick">
        <color indexed="8"/>
      </top>
      <bottom style="thin">
        <color indexed="8"/>
      </bottom>
      <diagonal/>
    </border>
    <border>
      <left style="thin">
        <color indexed="8"/>
      </left>
      <right style="thick">
        <color indexed="64"/>
      </right>
      <top style="thin">
        <color indexed="8"/>
      </top>
      <bottom style="thin">
        <color indexed="8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72">
    <xf numFmtId="0" fontId="0" fillId="0" borderId="0" xfId="0" applyNumberFormat="1" applyFont="1" applyAlignment="1" applyProtection="1">
      <protection locked="0"/>
    </xf>
    <xf numFmtId="188" fontId="2" fillId="0" borderId="0" xfId="0" applyNumberFormat="1" applyFont="1" applyFill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8" fontId="2" fillId="0" borderId="0" xfId="0" applyNumberFormat="1" applyFont="1" applyFill="1" applyAlignment="1">
      <alignment horizontal="centerContinuous" vertical="center"/>
    </xf>
    <xf numFmtId="188" fontId="2" fillId="0" borderId="0" xfId="0" applyNumberFormat="1" applyFont="1" applyFill="1" applyAlignment="1">
      <alignment horizontal="right" vertical="center"/>
    </xf>
    <xf numFmtId="188" fontId="2" fillId="0" borderId="1" xfId="0" applyNumberFormat="1" applyFont="1" applyFill="1" applyBorder="1" applyAlignment="1">
      <alignment horizontal="center" vertical="center" justifyLastLine="1"/>
    </xf>
    <xf numFmtId="188" fontId="2" fillId="0" borderId="2" xfId="0" applyNumberFormat="1" applyFont="1" applyFill="1" applyBorder="1" applyAlignment="1">
      <alignment horizontal="center" vertical="center" justifyLastLine="1"/>
    </xf>
    <xf numFmtId="188" fontId="2" fillId="0" borderId="3" xfId="0" applyNumberFormat="1" applyFont="1" applyFill="1" applyBorder="1" applyAlignment="1">
      <alignment horizontal="center" vertical="center" justifyLastLine="1"/>
    </xf>
    <xf numFmtId="188" fontId="2" fillId="0" borderId="4" xfId="0" applyNumberFormat="1" applyFont="1" applyFill="1" applyBorder="1" applyAlignment="1">
      <alignment vertical="center"/>
    </xf>
    <xf numFmtId="41" fontId="2" fillId="0" borderId="1" xfId="0" applyNumberFormat="1" applyFont="1" applyFill="1" applyBorder="1" applyAlignment="1">
      <alignment vertical="center"/>
    </xf>
    <xf numFmtId="41" fontId="2" fillId="0" borderId="5" xfId="0" applyNumberFormat="1" applyFont="1" applyFill="1" applyBorder="1" applyAlignment="1" applyProtection="1">
      <alignment horizontal="right" vertical="center"/>
      <protection locked="0"/>
    </xf>
    <xf numFmtId="41" fontId="2" fillId="0" borderId="6" xfId="0" applyNumberFormat="1" applyFont="1" applyFill="1" applyBorder="1" applyAlignment="1">
      <alignment vertical="center"/>
    </xf>
    <xf numFmtId="41" fontId="2" fillId="0" borderId="7" xfId="0" applyNumberFormat="1" applyFont="1" applyFill="1" applyBorder="1" applyAlignment="1">
      <alignment vertical="center"/>
    </xf>
    <xf numFmtId="41" fontId="2" fillId="0" borderId="2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>
      <alignment vertical="center"/>
    </xf>
    <xf numFmtId="41" fontId="2" fillId="0" borderId="9" xfId="0" applyNumberFormat="1" applyFont="1" applyFill="1" applyBorder="1" applyAlignment="1">
      <alignment vertical="center"/>
    </xf>
    <xf numFmtId="41" fontId="2" fillId="0" borderId="10" xfId="0" applyNumberFormat="1" applyFont="1" applyFill="1" applyBorder="1" applyAlignment="1">
      <alignment vertical="center"/>
    </xf>
    <xf numFmtId="41" fontId="2" fillId="0" borderId="11" xfId="0" applyNumberFormat="1" applyFont="1" applyFill="1" applyBorder="1" applyAlignment="1">
      <alignment vertical="center"/>
    </xf>
    <xf numFmtId="41" fontId="2" fillId="0" borderId="12" xfId="0" applyNumberFormat="1" applyFont="1" applyFill="1" applyBorder="1" applyAlignment="1">
      <alignment vertical="center"/>
    </xf>
    <xf numFmtId="41" fontId="2" fillId="0" borderId="13" xfId="0" applyNumberFormat="1" applyFont="1" applyFill="1" applyBorder="1" applyAlignment="1">
      <alignment vertical="center"/>
    </xf>
    <xf numFmtId="41" fontId="2" fillId="0" borderId="14" xfId="0" applyNumberFormat="1" applyFont="1" applyFill="1" applyBorder="1" applyAlignment="1" applyProtection="1">
      <alignment horizontal="right" vertical="center"/>
      <protection locked="0"/>
    </xf>
    <xf numFmtId="41" fontId="2" fillId="0" borderId="2" xfId="0" applyNumberFormat="1" applyFont="1" applyFill="1" applyBorder="1" applyAlignment="1" applyProtection="1">
      <alignment horizontal="right" vertical="center"/>
      <protection locked="0"/>
    </xf>
    <xf numFmtId="41" fontId="2" fillId="0" borderId="15" xfId="0" applyNumberFormat="1" applyFont="1" applyFill="1" applyBorder="1" applyAlignment="1" applyProtection="1">
      <alignment horizontal="right" vertical="center"/>
      <protection locked="0"/>
    </xf>
    <xf numFmtId="188" fontId="2" fillId="0" borderId="16" xfId="0" applyNumberFormat="1" applyFont="1" applyFill="1" applyBorder="1" applyAlignment="1">
      <alignment horizontal="center" vertical="center" justifyLastLine="1"/>
    </xf>
    <xf numFmtId="41" fontId="2" fillId="0" borderId="16" xfId="0" applyNumberFormat="1" applyFont="1" applyFill="1" applyBorder="1" applyAlignment="1">
      <alignment vertical="center"/>
    </xf>
    <xf numFmtId="41" fontId="2" fillId="0" borderId="8" xfId="0" applyNumberFormat="1" applyFont="1" applyFill="1" applyBorder="1" applyAlignment="1" applyProtection="1">
      <alignment horizontal="right" vertical="center"/>
      <protection locked="0"/>
    </xf>
    <xf numFmtId="41" fontId="2" fillId="0" borderId="9" xfId="0" applyNumberFormat="1" applyFont="1" applyFill="1" applyBorder="1" applyAlignment="1" applyProtection="1">
      <alignment horizontal="right" vertical="center"/>
      <protection locked="0"/>
    </xf>
    <xf numFmtId="41" fontId="2" fillId="0" borderId="17" xfId="0" applyNumberFormat="1" applyFont="1" applyFill="1" applyBorder="1" applyAlignment="1">
      <alignment vertical="center"/>
    </xf>
    <xf numFmtId="41" fontId="2" fillId="0" borderId="18" xfId="0" applyNumberFormat="1" applyFont="1" applyFill="1" applyBorder="1" applyAlignment="1">
      <alignment vertical="center"/>
    </xf>
    <xf numFmtId="41" fontId="2" fillId="0" borderId="19" xfId="0" applyNumberFormat="1" applyFont="1" applyFill="1" applyBorder="1" applyAlignment="1">
      <alignment vertical="center"/>
    </xf>
    <xf numFmtId="41" fontId="2" fillId="0" borderId="20" xfId="0" applyNumberFormat="1" applyFont="1" applyFill="1" applyBorder="1" applyAlignment="1">
      <alignment vertical="center"/>
    </xf>
    <xf numFmtId="41" fontId="2" fillId="0" borderId="21" xfId="0" applyNumberFormat="1" applyFont="1" applyFill="1" applyBorder="1" applyAlignment="1">
      <alignment vertical="center"/>
    </xf>
    <xf numFmtId="41" fontId="2" fillId="0" borderId="22" xfId="0" applyNumberFormat="1" applyFont="1" applyFill="1" applyBorder="1" applyAlignment="1" applyProtection="1">
      <alignment horizontal="right" vertical="center"/>
      <protection locked="0"/>
    </xf>
    <xf numFmtId="188" fontId="2" fillId="0" borderId="23" xfId="0" applyNumberFormat="1" applyFont="1" applyFill="1" applyBorder="1" applyAlignment="1">
      <alignment horizontal="center" vertical="center"/>
    </xf>
    <xf numFmtId="188" fontId="2" fillId="0" borderId="24" xfId="0" applyNumberFormat="1" applyFont="1" applyFill="1" applyBorder="1" applyAlignment="1">
      <alignment horizontal="center" vertical="center"/>
    </xf>
    <xf numFmtId="188" fontId="2" fillId="0" borderId="25" xfId="0" applyNumberFormat="1" applyFont="1" applyFill="1" applyBorder="1" applyAlignment="1">
      <alignment vertical="center"/>
    </xf>
    <xf numFmtId="188" fontId="2" fillId="0" borderId="26" xfId="0" applyNumberFormat="1" applyFont="1" applyFill="1" applyBorder="1" applyAlignment="1">
      <alignment vertical="center" justifyLastLine="1"/>
    </xf>
    <xf numFmtId="188" fontId="2" fillId="0" borderId="27" xfId="0" applyNumberFormat="1" applyFont="1" applyFill="1" applyBorder="1" applyAlignment="1">
      <alignment vertical="center"/>
    </xf>
    <xf numFmtId="188" fontId="2" fillId="0" borderId="19" xfId="0" applyNumberFormat="1" applyFont="1" applyFill="1" applyBorder="1" applyAlignment="1">
      <alignment vertical="center" justifyLastLine="1"/>
    </xf>
    <xf numFmtId="187" fontId="2" fillId="0" borderId="28" xfId="0" applyNumberFormat="1" applyFont="1" applyFill="1" applyBorder="1" applyAlignment="1">
      <alignment horizontal="center" vertical="center"/>
    </xf>
    <xf numFmtId="187" fontId="2" fillId="0" borderId="29" xfId="0" applyNumberFormat="1" applyFont="1" applyFill="1" applyBorder="1" applyAlignment="1">
      <alignment horizontal="center" vertical="center"/>
    </xf>
    <xf numFmtId="187" fontId="2" fillId="0" borderId="30" xfId="0" applyNumberFormat="1" applyFont="1" applyFill="1" applyBorder="1" applyAlignment="1">
      <alignment horizontal="center" vertical="center"/>
    </xf>
    <xf numFmtId="187" fontId="2" fillId="0" borderId="31" xfId="0" applyNumberFormat="1" applyFont="1" applyFill="1" applyBorder="1" applyAlignment="1">
      <alignment horizontal="center" vertical="center"/>
    </xf>
    <xf numFmtId="187" fontId="2" fillId="0" borderId="23" xfId="0" applyNumberFormat="1" applyFont="1" applyFill="1" applyBorder="1" applyAlignment="1">
      <alignment horizontal="center" vertical="center"/>
    </xf>
    <xf numFmtId="187" fontId="2" fillId="0" borderId="24" xfId="0" applyNumberFormat="1" applyFont="1" applyFill="1" applyBorder="1" applyAlignment="1">
      <alignment horizontal="center" vertical="center"/>
    </xf>
    <xf numFmtId="0" fontId="2" fillId="0" borderId="23" xfId="0" applyNumberFormat="1" applyFont="1" applyFill="1" applyBorder="1" applyAlignment="1">
      <alignment vertical="center"/>
    </xf>
    <xf numFmtId="0" fontId="2" fillId="0" borderId="24" xfId="0" applyNumberFormat="1" applyFont="1" applyFill="1" applyBorder="1" applyAlignment="1">
      <alignment vertical="center"/>
    </xf>
    <xf numFmtId="187" fontId="2" fillId="0" borderId="32" xfId="0" applyNumberFormat="1" applyFont="1" applyFill="1" applyBorder="1" applyAlignment="1">
      <alignment horizontal="center" vertical="center"/>
    </xf>
    <xf numFmtId="187" fontId="2" fillId="0" borderId="33" xfId="0" applyNumberFormat="1" applyFont="1" applyFill="1" applyBorder="1" applyAlignment="1">
      <alignment horizontal="center" vertical="center"/>
    </xf>
    <xf numFmtId="187" fontId="2" fillId="0" borderId="34" xfId="0" applyNumberFormat="1" applyFont="1" applyFill="1" applyBorder="1" applyAlignment="1">
      <alignment horizontal="center" vertical="center"/>
    </xf>
    <xf numFmtId="187" fontId="2" fillId="0" borderId="35" xfId="0" applyNumberFormat="1" applyFont="1" applyFill="1" applyBorder="1" applyAlignment="1">
      <alignment horizontal="center" vertical="center"/>
    </xf>
    <xf numFmtId="187" fontId="2" fillId="0" borderId="36" xfId="0" applyNumberFormat="1" applyFont="1" applyFill="1" applyBorder="1" applyAlignment="1">
      <alignment horizontal="center" vertical="center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37" xfId="0" applyNumberFormat="1" applyFont="1" applyFill="1" applyBorder="1" applyAlignment="1">
      <alignment horizontal="center" vertical="center"/>
    </xf>
    <xf numFmtId="187" fontId="2" fillId="0" borderId="20" xfId="0" applyNumberFormat="1" applyFont="1" applyFill="1" applyBorder="1" applyAlignment="1">
      <alignment horizontal="center" vertical="center"/>
    </xf>
    <xf numFmtId="187" fontId="2" fillId="0" borderId="11" xfId="0" applyNumberFormat="1" applyFont="1" applyFill="1" applyBorder="1" applyAlignment="1">
      <alignment horizontal="center" vertical="center"/>
    </xf>
    <xf numFmtId="182" fontId="2" fillId="0" borderId="1" xfId="0" applyNumberFormat="1" applyFont="1" applyFill="1" applyBorder="1" applyAlignment="1">
      <alignment vertical="center"/>
    </xf>
    <xf numFmtId="182" fontId="2" fillId="0" borderId="2" xfId="0" applyNumberFormat="1" applyFont="1" applyFill="1" applyBorder="1" applyAlignment="1" applyProtection="1">
      <alignment horizontal="right" vertical="center"/>
      <protection locked="0"/>
    </xf>
    <xf numFmtId="182" fontId="2" fillId="0" borderId="3" xfId="0" applyNumberFormat="1" applyFont="1" applyFill="1" applyBorder="1" applyAlignment="1">
      <alignment vertical="center"/>
    </xf>
    <xf numFmtId="182" fontId="2" fillId="0" borderId="2" xfId="0" applyNumberFormat="1" applyFont="1" applyFill="1" applyBorder="1" applyAlignment="1">
      <alignment vertical="center"/>
    </xf>
    <xf numFmtId="182" fontId="2" fillId="0" borderId="16" xfId="0" applyNumberFormat="1" applyFont="1" applyFill="1" applyBorder="1" applyAlignment="1">
      <alignment vertical="center"/>
    </xf>
    <xf numFmtId="182" fontId="2" fillId="0" borderId="11" xfId="0" applyNumberFormat="1" applyFont="1" applyFill="1" applyBorder="1" applyAlignment="1">
      <alignment vertical="center"/>
    </xf>
    <xf numFmtId="182" fontId="2" fillId="0" borderId="6" xfId="0" applyNumberFormat="1" applyFont="1" applyFill="1" applyBorder="1" applyAlignment="1">
      <alignment vertical="center"/>
    </xf>
    <xf numFmtId="182" fontId="2" fillId="0" borderId="9" xfId="0" applyNumberFormat="1" applyFont="1" applyFill="1" applyBorder="1" applyAlignment="1" applyProtection="1">
      <alignment horizontal="right" vertical="center"/>
      <protection locked="0"/>
    </xf>
    <xf numFmtId="182" fontId="2" fillId="0" borderId="15" xfId="0" applyNumberFormat="1" applyFont="1" applyFill="1" applyBorder="1" applyAlignment="1" applyProtection="1">
      <alignment horizontal="right" vertical="center"/>
      <protection locked="0"/>
    </xf>
    <xf numFmtId="182" fontId="2" fillId="0" borderId="38" xfId="0" applyNumberFormat="1" applyFont="1" applyFill="1" applyBorder="1" applyAlignment="1">
      <alignment vertical="center"/>
    </xf>
    <xf numFmtId="182" fontId="2" fillId="0" borderId="0" xfId="0" applyNumberFormat="1" applyFont="1" applyFill="1" applyBorder="1" applyAlignment="1" applyProtection="1">
      <alignment horizontal="right" vertical="center"/>
      <protection locked="0"/>
    </xf>
    <xf numFmtId="182" fontId="2" fillId="0" borderId="39" xfId="0" applyNumberFormat="1" applyFont="1" applyFill="1" applyBorder="1" applyAlignment="1">
      <alignment vertical="center"/>
    </xf>
    <xf numFmtId="182" fontId="2" fillId="0" borderId="15" xfId="0" applyNumberFormat="1" applyFont="1" applyFill="1" applyBorder="1" applyAlignment="1">
      <alignment vertical="center"/>
    </xf>
    <xf numFmtId="182" fontId="2" fillId="0" borderId="40" xfId="0" applyNumberFormat="1" applyFont="1" applyFill="1" applyBorder="1" applyAlignment="1">
      <alignment vertical="center"/>
    </xf>
    <xf numFmtId="187" fontId="2" fillId="0" borderId="41" xfId="0" applyNumberFormat="1" applyFont="1" applyFill="1" applyBorder="1" applyAlignment="1">
      <alignment horizontal="center" vertical="center"/>
    </xf>
    <xf numFmtId="187" fontId="2" fillId="0" borderId="42" xfId="0" applyNumberFormat="1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N73"/>
  <sheetViews>
    <sheetView showZeros="0" tabSelected="1" view="pageBreakPreview" zoomScaleNormal="75" zoomScaleSheetLayoutView="100" workbookViewId="0"/>
  </sheetViews>
  <sheetFormatPr defaultColWidth="10.75" defaultRowHeight="17.25" x14ac:dyDescent="0.15"/>
  <cols>
    <col min="1" max="1" width="10" style="2" customWidth="1"/>
    <col min="2" max="2" width="11.625" style="2" customWidth="1"/>
    <col min="3" max="14" width="15.875" style="2" customWidth="1"/>
    <col min="15" max="15" width="2.5" style="2" customWidth="1"/>
    <col min="16" max="16384" width="10.75" style="2"/>
  </cols>
  <sheetData>
    <row r="1" spans="1:14" ht="26.25" customHeight="1" thickBot="1" x14ac:dyDescent="0.2">
      <c r="A1" s="1"/>
      <c r="M1" s="3"/>
      <c r="N1" s="4"/>
    </row>
    <row r="2" spans="1:14" ht="18.75" customHeight="1" thickTop="1" x14ac:dyDescent="0.15">
      <c r="A2" s="35" t="s">
        <v>65</v>
      </c>
      <c r="B2" s="36" t="s">
        <v>66</v>
      </c>
      <c r="C2" s="39" t="s">
        <v>48</v>
      </c>
      <c r="D2" s="39" t="s">
        <v>49</v>
      </c>
      <c r="E2" s="39" t="s">
        <v>50</v>
      </c>
      <c r="F2" s="39" t="s">
        <v>24</v>
      </c>
      <c r="G2" s="39" t="s">
        <v>24</v>
      </c>
      <c r="H2" s="39" t="s">
        <v>24</v>
      </c>
      <c r="I2" s="40" t="s">
        <v>25</v>
      </c>
      <c r="J2" s="41" t="s">
        <v>25</v>
      </c>
      <c r="K2" s="42" t="s">
        <v>25</v>
      </c>
      <c r="L2" s="42" t="s">
        <v>26</v>
      </c>
      <c r="M2" s="42" t="s">
        <v>26</v>
      </c>
      <c r="N2" s="70" t="s">
        <v>26</v>
      </c>
    </row>
    <row r="3" spans="1:14" ht="18.75" customHeight="1" x14ac:dyDescent="0.15">
      <c r="A3" s="37" t="s">
        <v>68</v>
      </c>
      <c r="B3" s="38" t="s">
        <v>67</v>
      </c>
      <c r="C3" s="52" t="s">
        <v>51</v>
      </c>
      <c r="D3" s="52" t="s">
        <v>52</v>
      </c>
      <c r="E3" s="52" t="s">
        <v>0</v>
      </c>
      <c r="F3" s="52" t="s">
        <v>1</v>
      </c>
      <c r="G3" s="53" t="s">
        <v>2</v>
      </c>
      <c r="H3" s="53" t="s">
        <v>69</v>
      </c>
      <c r="I3" s="54" t="s">
        <v>53</v>
      </c>
      <c r="J3" s="55" t="s">
        <v>54</v>
      </c>
      <c r="K3" s="52" t="s">
        <v>55</v>
      </c>
      <c r="L3" s="52" t="s">
        <v>56</v>
      </c>
      <c r="M3" s="52" t="s">
        <v>57</v>
      </c>
      <c r="N3" s="71" t="s">
        <v>38</v>
      </c>
    </row>
    <row r="4" spans="1:14" ht="18.75" customHeight="1" x14ac:dyDescent="0.15">
      <c r="A4" s="43" t="s">
        <v>8</v>
      </c>
      <c r="B4" s="5" t="s">
        <v>58</v>
      </c>
      <c r="C4" s="9">
        <v>170.35</v>
      </c>
      <c r="D4" s="9">
        <v>550.77</v>
      </c>
      <c r="E4" s="9">
        <v>24.81</v>
      </c>
      <c r="F4" s="9">
        <v>15.37</v>
      </c>
      <c r="G4" s="9">
        <v>0</v>
      </c>
      <c r="H4" s="9">
        <v>0</v>
      </c>
      <c r="I4" s="16">
        <v>0</v>
      </c>
      <c r="J4" s="17">
        <v>23.49</v>
      </c>
      <c r="K4" s="9">
        <v>178.25</v>
      </c>
      <c r="L4" s="9">
        <v>761.3</v>
      </c>
      <c r="M4" s="9">
        <v>201.74</v>
      </c>
      <c r="N4" s="11">
        <v>963.04</v>
      </c>
    </row>
    <row r="5" spans="1:14" ht="18.75" customHeight="1" x14ac:dyDescent="0.15">
      <c r="A5" s="44" t="s">
        <v>8</v>
      </c>
      <c r="B5" s="6" t="s">
        <v>59</v>
      </c>
      <c r="C5" s="21">
        <v>0</v>
      </c>
      <c r="D5" s="21">
        <v>0</v>
      </c>
      <c r="E5" s="21">
        <v>0</v>
      </c>
      <c r="F5" s="21">
        <v>0</v>
      </c>
      <c r="G5" s="21">
        <v>0</v>
      </c>
      <c r="H5" s="21">
        <v>0</v>
      </c>
      <c r="I5" s="25">
        <v>0</v>
      </c>
      <c r="J5" s="26">
        <v>0</v>
      </c>
      <c r="K5" s="21">
        <v>0</v>
      </c>
      <c r="L5" s="21">
        <v>0</v>
      </c>
      <c r="M5" s="21">
        <v>0</v>
      </c>
      <c r="N5" s="22">
        <v>0</v>
      </c>
    </row>
    <row r="6" spans="1:14" ht="18.75" customHeight="1" x14ac:dyDescent="0.15">
      <c r="A6" s="44" t="s">
        <v>40</v>
      </c>
      <c r="B6" s="6" t="s">
        <v>3</v>
      </c>
      <c r="C6" s="21">
        <v>0</v>
      </c>
      <c r="D6" s="21">
        <v>0</v>
      </c>
      <c r="E6" s="21">
        <v>0</v>
      </c>
      <c r="F6" s="21">
        <v>0</v>
      </c>
      <c r="G6" s="21">
        <v>0</v>
      </c>
      <c r="H6" s="21">
        <v>0</v>
      </c>
      <c r="I6" s="25">
        <v>0</v>
      </c>
      <c r="J6" s="26">
        <v>0</v>
      </c>
      <c r="K6" s="21">
        <v>0</v>
      </c>
      <c r="L6" s="21">
        <v>0</v>
      </c>
      <c r="M6" s="21">
        <v>0</v>
      </c>
      <c r="N6" s="22">
        <v>0</v>
      </c>
    </row>
    <row r="7" spans="1:14" ht="18.75" customHeight="1" x14ac:dyDescent="0.15">
      <c r="A7" s="43" t="s">
        <v>41</v>
      </c>
      <c r="B7" s="5" t="s">
        <v>58</v>
      </c>
      <c r="C7" s="9">
        <v>218.03</v>
      </c>
      <c r="D7" s="9">
        <v>643.20000000000005</v>
      </c>
      <c r="E7" s="9">
        <v>23.38</v>
      </c>
      <c r="F7" s="9">
        <v>15.26</v>
      </c>
      <c r="G7" s="9">
        <v>0</v>
      </c>
      <c r="H7" s="9">
        <v>6.53</v>
      </c>
      <c r="I7" s="16">
        <v>0</v>
      </c>
      <c r="J7" s="17">
        <v>40.96</v>
      </c>
      <c r="K7" s="9">
        <v>355.29</v>
      </c>
      <c r="L7" s="9">
        <v>906.4</v>
      </c>
      <c r="M7" s="9">
        <v>396.25</v>
      </c>
      <c r="N7" s="62">
        <v>1302.6500000000001</v>
      </c>
    </row>
    <row r="8" spans="1:14" ht="18.75" customHeight="1" x14ac:dyDescent="0.15">
      <c r="A8" s="44" t="s">
        <v>9</v>
      </c>
      <c r="B8" s="6" t="s">
        <v>59</v>
      </c>
      <c r="C8" s="21">
        <v>0</v>
      </c>
      <c r="D8" s="21">
        <v>0</v>
      </c>
      <c r="E8" s="21">
        <v>0</v>
      </c>
      <c r="F8" s="21">
        <v>0</v>
      </c>
      <c r="G8" s="21">
        <v>0</v>
      </c>
      <c r="H8" s="21">
        <v>0</v>
      </c>
      <c r="I8" s="25">
        <v>0</v>
      </c>
      <c r="J8" s="26">
        <v>1.042</v>
      </c>
      <c r="K8" s="21">
        <v>12.834</v>
      </c>
      <c r="L8" s="21">
        <v>0</v>
      </c>
      <c r="M8" s="21">
        <v>13.875999999999999</v>
      </c>
      <c r="N8" s="22">
        <v>13.875999999999999</v>
      </c>
    </row>
    <row r="9" spans="1:14" ht="18.75" customHeight="1" x14ac:dyDescent="0.15">
      <c r="A9" s="44" t="s">
        <v>41</v>
      </c>
      <c r="B9" s="6" t="s">
        <v>3</v>
      </c>
      <c r="C9" s="21">
        <v>0</v>
      </c>
      <c r="D9" s="21">
        <v>0</v>
      </c>
      <c r="E9" s="21">
        <v>0</v>
      </c>
      <c r="F9" s="21">
        <v>0</v>
      </c>
      <c r="G9" s="21">
        <v>0</v>
      </c>
      <c r="H9" s="21">
        <v>0</v>
      </c>
      <c r="I9" s="25">
        <v>0</v>
      </c>
      <c r="J9" s="26">
        <v>0.183</v>
      </c>
      <c r="K9" s="21">
        <v>2.2389999999999999</v>
      </c>
      <c r="L9" s="21">
        <v>0</v>
      </c>
      <c r="M9" s="21">
        <v>2.4220000000000002</v>
      </c>
      <c r="N9" s="22">
        <v>2.4220000000000002</v>
      </c>
    </row>
    <row r="10" spans="1:14" ht="18.75" customHeight="1" x14ac:dyDescent="0.15">
      <c r="A10" s="43" t="s">
        <v>10</v>
      </c>
      <c r="B10" s="5" t="s">
        <v>58</v>
      </c>
      <c r="C10" s="9">
        <v>79.040000000000006</v>
      </c>
      <c r="D10" s="9">
        <v>612.41999999999996</v>
      </c>
      <c r="E10" s="9">
        <v>8.6999999999999993</v>
      </c>
      <c r="F10" s="9">
        <v>0.19</v>
      </c>
      <c r="G10" s="9">
        <v>0</v>
      </c>
      <c r="H10" s="9">
        <v>0.09</v>
      </c>
      <c r="I10" s="16">
        <v>0</v>
      </c>
      <c r="J10" s="61">
        <v>12.82</v>
      </c>
      <c r="K10" s="56">
        <v>275.87</v>
      </c>
      <c r="L10" s="56">
        <v>700.44</v>
      </c>
      <c r="M10" s="56">
        <v>288.69</v>
      </c>
      <c r="N10" s="62">
        <v>989.13000000000011</v>
      </c>
    </row>
    <row r="11" spans="1:14" ht="18.75" customHeight="1" x14ac:dyDescent="0.15">
      <c r="A11" s="44" t="s">
        <v>10</v>
      </c>
      <c r="B11" s="6" t="s">
        <v>59</v>
      </c>
      <c r="C11" s="21">
        <v>10.868</v>
      </c>
      <c r="D11" s="21">
        <v>76.653999999999996</v>
      </c>
      <c r="E11" s="21">
        <v>0.49299999999999999</v>
      </c>
      <c r="F11" s="21">
        <v>1.0999999999999999E-2</v>
      </c>
      <c r="G11" s="21">
        <v>0</v>
      </c>
      <c r="H11" s="21">
        <v>0.01</v>
      </c>
      <c r="I11" s="25">
        <v>0</v>
      </c>
      <c r="J11" s="63">
        <v>0.51100000000000001</v>
      </c>
      <c r="K11" s="57">
        <v>19.119</v>
      </c>
      <c r="L11" s="57">
        <v>88.036000000000001</v>
      </c>
      <c r="M11" s="57">
        <v>19.63</v>
      </c>
      <c r="N11" s="64">
        <v>107.666</v>
      </c>
    </row>
    <row r="12" spans="1:14" ht="18.75" customHeight="1" x14ac:dyDescent="0.15">
      <c r="A12" s="44" t="s">
        <v>42</v>
      </c>
      <c r="B12" s="6" t="s">
        <v>3</v>
      </c>
      <c r="C12" s="21">
        <v>1.379</v>
      </c>
      <c r="D12" s="21">
        <v>6.7249999999999996</v>
      </c>
      <c r="E12" s="21">
        <v>8.1000000000000003E-2</v>
      </c>
      <c r="F12" s="21">
        <v>2E-3</v>
      </c>
      <c r="G12" s="21">
        <v>0</v>
      </c>
      <c r="H12" s="21">
        <v>1E-3</v>
      </c>
      <c r="I12" s="25">
        <v>0</v>
      </c>
      <c r="J12" s="63">
        <v>3.3000000000000002E-2</v>
      </c>
      <c r="K12" s="57">
        <v>1.329</v>
      </c>
      <c r="L12" s="57">
        <v>8.1880000000000006</v>
      </c>
      <c r="M12" s="57">
        <v>1.3620000000000001</v>
      </c>
      <c r="N12" s="64">
        <v>9.5500000000000007</v>
      </c>
    </row>
    <row r="13" spans="1:14" ht="18.75" customHeight="1" x14ac:dyDescent="0.15">
      <c r="A13" s="43" t="s">
        <v>11</v>
      </c>
      <c r="B13" s="5" t="s">
        <v>58</v>
      </c>
      <c r="C13" s="56">
        <v>216.24</v>
      </c>
      <c r="D13" s="56">
        <v>1325.41</v>
      </c>
      <c r="E13" s="56">
        <v>8.0399999999999991</v>
      </c>
      <c r="F13" s="56">
        <v>2.8</v>
      </c>
      <c r="G13" s="9">
        <v>0</v>
      </c>
      <c r="H13" s="9">
        <v>1.57</v>
      </c>
      <c r="I13" s="16">
        <v>0</v>
      </c>
      <c r="J13" s="61">
        <v>48.41</v>
      </c>
      <c r="K13" s="56">
        <v>543.49</v>
      </c>
      <c r="L13" s="56">
        <v>1554.06</v>
      </c>
      <c r="M13" s="56">
        <v>591.9</v>
      </c>
      <c r="N13" s="62">
        <v>2145.96</v>
      </c>
    </row>
    <row r="14" spans="1:14" ht="18.75" customHeight="1" x14ac:dyDescent="0.15">
      <c r="A14" s="44" t="s">
        <v>43</v>
      </c>
      <c r="B14" s="6" t="s">
        <v>59</v>
      </c>
      <c r="C14" s="57">
        <v>48.201000000000001</v>
      </c>
      <c r="D14" s="57">
        <v>253.46299999999999</v>
      </c>
      <c r="E14" s="57">
        <v>0.877</v>
      </c>
      <c r="F14" s="57">
        <v>0.29499999999999998</v>
      </c>
      <c r="G14" s="21">
        <v>0</v>
      </c>
      <c r="H14" s="21">
        <v>0.27900000000000003</v>
      </c>
      <c r="I14" s="25">
        <v>0</v>
      </c>
      <c r="J14" s="63">
        <v>4.3529999999999998</v>
      </c>
      <c r="K14" s="57">
        <v>51.067</v>
      </c>
      <c r="L14" s="57">
        <v>303.11500000000001</v>
      </c>
      <c r="M14" s="57">
        <v>55.42</v>
      </c>
      <c r="N14" s="64">
        <v>358.53500000000003</v>
      </c>
    </row>
    <row r="15" spans="1:14" ht="18.75" customHeight="1" x14ac:dyDescent="0.15">
      <c r="A15" s="44" t="s">
        <v>11</v>
      </c>
      <c r="B15" s="6" t="s">
        <v>3</v>
      </c>
      <c r="C15" s="57">
        <v>3.847</v>
      </c>
      <c r="D15" s="57">
        <v>15.561999999999999</v>
      </c>
      <c r="E15" s="57">
        <v>6.5000000000000002E-2</v>
      </c>
      <c r="F15" s="57">
        <v>0.02</v>
      </c>
      <c r="G15" s="21">
        <v>0</v>
      </c>
      <c r="H15" s="21">
        <v>1.7000000000000001E-2</v>
      </c>
      <c r="I15" s="25">
        <v>0</v>
      </c>
      <c r="J15" s="63">
        <v>0.17799999999999999</v>
      </c>
      <c r="K15" s="57">
        <v>2.052</v>
      </c>
      <c r="L15" s="57">
        <v>19.510999999999999</v>
      </c>
      <c r="M15" s="57">
        <v>2.23</v>
      </c>
      <c r="N15" s="64">
        <v>21.741</v>
      </c>
    </row>
    <row r="16" spans="1:14" ht="18.75" customHeight="1" x14ac:dyDescent="0.15">
      <c r="A16" s="43" t="s">
        <v>12</v>
      </c>
      <c r="B16" s="5" t="s">
        <v>58</v>
      </c>
      <c r="C16" s="56">
        <v>699.38</v>
      </c>
      <c r="D16" s="56">
        <v>2459.13</v>
      </c>
      <c r="E16" s="56">
        <v>226.5</v>
      </c>
      <c r="F16" s="56">
        <v>71.19</v>
      </c>
      <c r="G16" s="9">
        <v>0</v>
      </c>
      <c r="H16" s="9">
        <v>2.09</v>
      </c>
      <c r="I16" s="16">
        <v>0</v>
      </c>
      <c r="J16" s="61">
        <v>74.33</v>
      </c>
      <c r="K16" s="56">
        <v>3012.31</v>
      </c>
      <c r="L16" s="56">
        <v>3458.2900000000004</v>
      </c>
      <c r="M16" s="56">
        <v>3086.64</v>
      </c>
      <c r="N16" s="62">
        <v>6544.93</v>
      </c>
    </row>
    <row r="17" spans="1:14" ht="18.75" customHeight="1" x14ac:dyDescent="0.15">
      <c r="A17" s="44" t="s">
        <v>27</v>
      </c>
      <c r="B17" s="6" t="s">
        <v>59</v>
      </c>
      <c r="C17" s="57">
        <v>224.97499999999999</v>
      </c>
      <c r="D17" s="57">
        <v>611.70000000000005</v>
      </c>
      <c r="E17" s="57">
        <v>33.786000000000001</v>
      </c>
      <c r="F17" s="57">
        <v>10.396000000000001</v>
      </c>
      <c r="G17" s="21">
        <v>0</v>
      </c>
      <c r="H17" s="21">
        <v>0.59799999999999998</v>
      </c>
      <c r="I17" s="25">
        <v>0</v>
      </c>
      <c r="J17" s="63">
        <v>8.3960000000000008</v>
      </c>
      <c r="K17" s="57">
        <v>337.33199999999999</v>
      </c>
      <c r="L17" s="57">
        <v>881.45500000000004</v>
      </c>
      <c r="M17" s="57">
        <v>345.72800000000001</v>
      </c>
      <c r="N17" s="64">
        <v>1227.183</v>
      </c>
    </row>
    <row r="18" spans="1:14" ht="18.75" customHeight="1" x14ac:dyDescent="0.15">
      <c r="A18" s="44" t="s">
        <v>12</v>
      </c>
      <c r="B18" s="6" t="s">
        <v>3</v>
      </c>
      <c r="C18" s="57">
        <v>11.834</v>
      </c>
      <c r="D18" s="57">
        <v>27.138000000000002</v>
      </c>
      <c r="E18" s="57">
        <v>1.294</v>
      </c>
      <c r="F18" s="57">
        <v>0.374</v>
      </c>
      <c r="G18" s="21">
        <v>0</v>
      </c>
      <c r="H18" s="21">
        <v>2.7E-2</v>
      </c>
      <c r="I18" s="25">
        <v>0</v>
      </c>
      <c r="J18" s="63">
        <v>0.20899999999999999</v>
      </c>
      <c r="K18" s="57">
        <v>8.4540000000000006</v>
      </c>
      <c r="L18" s="57">
        <v>40.667000000000002</v>
      </c>
      <c r="M18" s="57">
        <v>8.6630000000000003</v>
      </c>
      <c r="N18" s="64">
        <v>49.33</v>
      </c>
    </row>
    <row r="19" spans="1:14" ht="18.75" customHeight="1" x14ac:dyDescent="0.15">
      <c r="A19" s="43" t="s">
        <v>28</v>
      </c>
      <c r="B19" s="5" t="s">
        <v>58</v>
      </c>
      <c r="C19" s="56">
        <v>1396.08</v>
      </c>
      <c r="D19" s="56">
        <v>3227.01</v>
      </c>
      <c r="E19" s="56">
        <v>126.03</v>
      </c>
      <c r="F19" s="56">
        <v>40.99</v>
      </c>
      <c r="G19" s="9">
        <v>0</v>
      </c>
      <c r="H19" s="9">
        <v>1.29</v>
      </c>
      <c r="I19" s="16">
        <v>0</v>
      </c>
      <c r="J19" s="61">
        <v>69.13</v>
      </c>
      <c r="K19" s="56">
        <v>3006.16</v>
      </c>
      <c r="L19" s="56">
        <v>4791.3999999999996</v>
      </c>
      <c r="M19" s="56">
        <v>3075.29</v>
      </c>
      <c r="N19" s="62">
        <v>7866.69</v>
      </c>
    </row>
    <row r="20" spans="1:14" ht="18.75" customHeight="1" x14ac:dyDescent="0.15">
      <c r="A20" s="44" t="s">
        <v>28</v>
      </c>
      <c r="B20" s="6" t="s">
        <v>59</v>
      </c>
      <c r="C20" s="57">
        <v>565.95799999999997</v>
      </c>
      <c r="D20" s="57">
        <v>988.77800000000002</v>
      </c>
      <c r="E20" s="57">
        <v>22.616</v>
      </c>
      <c r="F20" s="57">
        <v>7.3310000000000004</v>
      </c>
      <c r="G20" s="21">
        <v>0</v>
      </c>
      <c r="H20" s="21">
        <v>0.39200000000000002</v>
      </c>
      <c r="I20" s="25">
        <v>0</v>
      </c>
      <c r="J20" s="63">
        <v>8.8490000000000002</v>
      </c>
      <c r="K20" s="57">
        <v>381.18299999999999</v>
      </c>
      <c r="L20" s="57">
        <v>1585.075</v>
      </c>
      <c r="M20" s="57">
        <v>390.03199999999998</v>
      </c>
      <c r="N20" s="64">
        <v>1975.107</v>
      </c>
    </row>
    <row r="21" spans="1:14" ht="18.75" customHeight="1" x14ac:dyDescent="0.15">
      <c r="A21" s="44" t="s">
        <v>44</v>
      </c>
      <c r="B21" s="6" t="s">
        <v>3</v>
      </c>
      <c r="C21" s="57">
        <v>21.991</v>
      </c>
      <c r="D21" s="57">
        <v>35.374000000000002</v>
      </c>
      <c r="E21" s="57">
        <v>0.997</v>
      </c>
      <c r="F21" s="57">
        <v>0.32300000000000001</v>
      </c>
      <c r="G21" s="21">
        <v>0</v>
      </c>
      <c r="H21" s="21">
        <v>1.4E-2</v>
      </c>
      <c r="I21" s="25">
        <v>0</v>
      </c>
      <c r="J21" s="63">
        <v>0.13400000000000001</v>
      </c>
      <c r="K21" s="57">
        <v>5.383</v>
      </c>
      <c r="L21" s="57">
        <v>58.698999999999998</v>
      </c>
      <c r="M21" s="57">
        <v>5.5170000000000003</v>
      </c>
      <c r="N21" s="64">
        <v>64.215999999999994</v>
      </c>
    </row>
    <row r="22" spans="1:14" ht="18.75" customHeight="1" x14ac:dyDescent="0.15">
      <c r="A22" s="43" t="s">
        <v>13</v>
      </c>
      <c r="B22" s="5" t="s">
        <v>58</v>
      </c>
      <c r="C22" s="56">
        <v>2444.0100000000002</v>
      </c>
      <c r="D22" s="56">
        <v>3757.01</v>
      </c>
      <c r="E22" s="56">
        <v>123.9</v>
      </c>
      <c r="F22" s="56">
        <v>33.1</v>
      </c>
      <c r="G22" s="9">
        <v>0.09</v>
      </c>
      <c r="H22" s="9">
        <v>2.39</v>
      </c>
      <c r="I22" s="16">
        <v>0</v>
      </c>
      <c r="J22" s="61">
        <v>28.41</v>
      </c>
      <c r="K22" s="56">
        <v>4103.5</v>
      </c>
      <c r="L22" s="56">
        <v>6360.5000000000009</v>
      </c>
      <c r="M22" s="56">
        <v>4131.91</v>
      </c>
      <c r="N22" s="62">
        <v>10492.41</v>
      </c>
    </row>
    <row r="23" spans="1:14" ht="18.75" customHeight="1" x14ac:dyDescent="0.15">
      <c r="A23" s="44" t="s">
        <v>29</v>
      </c>
      <c r="B23" s="6" t="s">
        <v>59</v>
      </c>
      <c r="C23" s="57">
        <v>1195.434</v>
      </c>
      <c r="D23" s="57">
        <v>1356.4090000000001</v>
      </c>
      <c r="E23" s="57">
        <v>24.218</v>
      </c>
      <c r="F23" s="57">
        <v>7.2160000000000002</v>
      </c>
      <c r="G23" s="21">
        <v>0.02</v>
      </c>
      <c r="H23" s="21">
        <v>0.71499999999999997</v>
      </c>
      <c r="I23" s="25">
        <v>0</v>
      </c>
      <c r="J23" s="63">
        <v>4.0019999999999998</v>
      </c>
      <c r="K23" s="57">
        <v>574.28599999999994</v>
      </c>
      <c r="L23" s="57">
        <v>2584.0120000000002</v>
      </c>
      <c r="M23" s="57">
        <v>578.28800000000001</v>
      </c>
      <c r="N23" s="64">
        <v>3162.3</v>
      </c>
    </row>
    <row r="24" spans="1:14" ht="18.75" customHeight="1" x14ac:dyDescent="0.15">
      <c r="A24" s="44" t="s">
        <v>13</v>
      </c>
      <c r="B24" s="6" t="s">
        <v>3</v>
      </c>
      <c r="C24" s="57">
        <v>35.085999999999999</v>
      </c>
      <c r="D24" s="57">
        <v>38.124000000000002</v>
      </c>
      <c r="E24" s="57">
        <v>0.64300000000000002</v>
      </c>
      <c r="F24" s="57">
        <v>0.19800000000000001</v>
      </c>
      <c r="G24" s="21">
        <v>1E-3</v>
      </c>
      <c r="H24" s="21">
        <v>0.02</v>
      </c>
      <c r="I24" s="25">
        <v>0</v>
      </c>
      <c r="J24" s="63">
        <v>5.2999999999999999E-2</v>
      </c>
      <c r="K24" s="57">
        <v>7.3470000000000004</v>
      </c>
      <c r="L24" s="57">
        <v>74.072000000000003</v>
      </c>
      <c r="M24" s="57">
        <v>7.4</v>
      </c>
      <c r="N24" s="64">
        <v>81.471999999999994</v>
      </c>
    </row>
    <row r="25" spans="1:14" ht="18.75" customHeight="1" x14ac:dyDescent="0.15">
      <c r="A25" s="43" t="s">
        <v>30</v>
      </c>
      <c r="B25" s="5" t="s">
        <v>58</v>
      </c>
      <c r="C25" s="56">
        <v>3671.09</v>
      </c>
      <c r="D25" s="56">
        <v>4727.49</v>
      </c>
      <c r="E25" s="56">
        <v>847.05</v>
      </c>
      <c r="F25" s="56">
        <v>68.040000000000006</v>
      </c>
      <c r="G25" s="9">
        <v>0</v>
      </c>
      <c r="H25" s="9">
        <v>0.1</v>
      </c>
      <c r="I25" s="16">
        <v>0</v>
      </c>
      <c r="J25" s="61">
        <v>1.49</v>
      </c>
      <c r="K25" s="56">
        <v>2839.07</v>
      </c>
      <c r="L25" s="56">
        <v>9313.77</v>
      </c>
      <c r="M25" s="56">
        <v>2840.56</v>
      </c>
      <c r="N25" s="62">
        <v>12154.33</v>
      </c>
    </row>
    <row r="26" spans="1:14" ht="18.75" customHeight="1" x14ac:dyDescent="0.15">
      <c r="A26" s="44" t="s">
        <v>30</v>
      </c>
      <c r="B26" s="6" t="s">
        <v>59</v>
      </c>
      <c r="C26" s="57">
        <v>2073.9839999999999</v>
      </c>
      <c r="D26" s="57">
        <v>1969.7850000000001</v>
      </c>
      <c r="E26" s="57">
        <v>211.37899999999999</v>
      </c>
      <c r="F26" s="57">
        <v>16.742999999999999</v>
      </c>
      <c r="G26" s="21">
        <v>0</v>
      </c>
      <c r="H26" s="21">
        <v>2.5000000000000001E-2</v>
      </c>
      <c r="I26" s="25">
        <v>0</v>
      </c>
      <c r="J26" s="63">
        <v>0.22500000000000001</v>
      </c>
      <c r="K26" s="57">
        <v>427.1</v>
      </c>
      <c r="L26" s="57">
        <v>4271.9160000000002</v>
      </c>
      <c r="M26" s="57">
        <v>427.32499999999999</v>
      </c>
      <c r="N26" s="64">
        <v>4699.241</v>
      </c>
    </row>
    <row r="27" spans="1:14" ht="18.75" customHeight="1" x14ac:dyDescent="0.15">
      <c r="A27" s="44" t="s">
        <v>30</v>
      </c>
      <c r="B27" s="6" t="s">
        <v>3</v>
      </c>
      <c r="C27" s="57">
        <v>48.539000000000001</v>
      </c>
      <c r="D27" s="57">
        <v>47.146000000000001</v>
      </c>
      <c r="E27" s="57">
        <v>4.952</v>
      </c>
      <c r="F27" s="57">
        <v>0.39900000000000002</v>
      </c>
      <c r="G27" s="21">
        <v>0</v>
      </c>
      <c r="H27" s="21">
        <v>1E-3</v>
      </c>
      <c r="I27" s="25">
        <v>0</v>
      </c>
      <c r="J27" s="63">
        <v>3.0000000000000001E-3</v>
      </c>
      <c r="K27" s="57">
        <v>5.1669999999999998</v>
      </c>
      <c r="L27" s="57">
        <v>101.03700000000001</v>
      </c>
      <c r="M27" s="57">
        <v>5.17</v>
      </c>
      <c r="N27" s="64">
        <v>106.20699999999999</v>
      </c>
    </row>
    <row r="28" spans="1:14" ht="18.75" customHeight="1" x14ac:dyDescent="0.15">
      <c r="A28" s="43" t="s">
        <v>31</v>
      </c>
      <c r="B28" s="5" t="s">
        <v>58</v>
      </c>
      <c r="C28" s="56">
        <v>4676.13</v>
      </c>
      <c r="D28" s="56">
        <v>3627.11</v>
      </c>
      <c r="E28" s="56">
        <v>3474.4</v>
      </c>
      <c r="F28" s="56">
        <v>124.3</v>
      </c>
      <c r="G28" s="9">
        <v>0.51</v>
      </c>
      <c r="H28" s="9">
        <v>0.18</v>
      </c>
      <c r="I28" s="16">
        <v>0</v>
      </c>
      <c r="J28" s="61">
        <v>4.47</v>
      </c>
      <c r="K28" s="56">
        <v>3299.37</v>
      </c>
      <c r="L28" s="56">
        <v>11902.63</v>
      </c>
      <c r="M28" s="56">
        <v>3303.8399999999997</v>
      </c>
      <c r="N28" s="62">
        <v>15206.47</v>
      </c>
    </row>
    <row r="29" spans="1:14" ht="18.75" customHeight="1" x14ac:dyDescent="0.15">
      <c r="A29" s="44" t="s">
        <v>14</v>
      </c>
      <c r="B29" s="6" t="s">
        <v>59</v>
      </c>
      <c r="C29" s="57">
        <v>2921.25</v>
      </c>
      <c r="D29" s="57">
        <v>1680.086</v>
      </c>
      <c r="E29" s="57">
        <v>965.52800000000002</v>
      </c>
      <c r="F29" s="57">
        <v>33.664000000000001</v>
      </c>
      <c r="G29" s="21">
        <v>0.14299999999999999</v>
      </c>
      <c r="H29" s="21">
        <v>8.4000000000000005E-2</v>
      </c>
      <c r="I29" s="25">
        <v>0</v>
      </c>
      <c r="J29" s="63">
        <v>0.72</v>
      </c>
      <c r="K29" s="57">
        <v>526.428</v>
      </c>
      <c r="L29" s="57">
        <v>5600.7550000000001</v>
      </c>
      <c r="M29" s="57">
        <v>527.14800000000002</v>
      </c>
      <c r="N29" s="64">
        <v>6127.9030000000002</v>
      </c>
    </row>
    <row r="30" spans="1:14" ht="18.75" customHeight="1" x14ac:dyDescent="0.15">
      <c r="A30" s="44" t="s">
        <v>31</v>
      </c>
      <c r="B30" s="6" t="s">
        <v>3</v>
      </c>
      <c r="C30" s="57">
        <v>53.23</v>
      </c>
      <c r="D30" s="57">
        <v>32.682000000000002</v>
      </c>
      <c r="E30" s="57">
        <v>20.603000000000002</v>
      </c>
      <c r="F30" s="57">
        <v>0.70899999999999996</v>
      </c>
      <c r="G30" s="21">
        <v>3.0000000000000001E-3</v>
      </c>
      <c r="H30" s="21">
        <v>2E-3</v>
      </c>
      <c r="I30" s="25">
        <v>0</v>
      </c>
      <c r="J30" s="63">
        <v>8.0000000000000002E-3</v>
      </c>
      <c r="K30" s="57">
        <v>6.0410000000000004</v>
      </c>
      <c r="L30" s="57">
        <v>107.229</v>
      </c>
      <c r="M30" s="57">
        <v>6.0490000000000004</v>
      </c>
      <c r="N30" s="64">
        <v>113.27800000000001</v>
      </c>
    </row>
    <row r="31" spans="1:14" ht="18.75" customHeight="1" x14ac:dyDescent="0.15">
      <c r="A31" s="43" t="s">
        <v>15</v>
      </c>
      <c r="B31" s="5" t="s">
        <v>58</v>
      </c>
      <c r="C31" s="56">
        <v>4638.1899999999996</v>
      </c>
      <c r="D31" s="56">
        <v>1877.46</v>
      </c>
      <c r="E31" s="56">
        <v>5236.16</v>
      </c>
      <c r="F31" s="56">
        <v>224.77</v>
      </c>
      <c r="G31" s="9">
        <v>0</v>
      </c>
      <c r="H31" s="9">
        <v>1.62</v>
      </c>
      <c r="I31" s="16">
        <v>0</v>
      </c>
      <c r="J31" s="61">
        <v>1.85</v>
      </c>
      <c r="K31" s="56">
        <v>4230.33</v>
      </c>
      <c r="L31" s="56">
        <v>11978.2</v>
      </c>
      <c r="M31" s="56">
        <v>4232.18</v>
      </c>
      <c r="N31" s="62">
        <v>16210.380000000001</v>
      </c>
    </row>
    <row r="32" spans="1:14" ht="18.75" customHeight="1" x14ac:dyDescent="0.15">
      <c r="A32" s="44" t="s">
        <v>45</v>
      </c>
      <c r="B32" s="6" t="s">
        <v>59</v>
      </c>
      <c r="C32" s="57">
        <v>3159.6350000000002</v>
      </c>
      <c r="D32" s="57">
        <v>955.92200000000003</v>
      </c>
      <c r="E32" s="57">
        <v>1591.346</v>
      </c>
      <c r="F32" s="57">
        <v>64.884</v>
      </c>
      <c r="G32" s="21">
        <v>0</v>
      </c>
      <c r="H32" s="21">
        <v>0.89600000000000002</v>
      </c>
      <c r="I32" s="25">
        <v>0</v>
      </c>
      <c r="J32" s="63">
        <v>0.312</v>
      </c>
      <c r="K32" s="57">
        <v>706.28499999999997</v>
      </c>
      <c r="L32" s="57">
        <v>5772.683</v>
      </c>
      <c r="M32" s="57">
        <v>706.59699999999998</v>
      </c>
      <c r="N32" s="64">
        <v>6479.28</v>
      </c>
    </row>
    <row r="33" spans="1:14" ht="18.75" customHeight="1" x14ac:dyDescent="0.15">
      <c r="A33" s="44" t="s">
        <v>32</v>
      </c>
      <c r="B33" s="6" t="s">
        <v>3</v>
      </c>
      <c r="C33" s="57">
        <v>47.908000000000001</v>
      </c>
      <c r="D33" s="57">
        <v>16.635999999999999</v>
      </c>
      <c r="E33" s="57">
        <v>30.759</v>
      </c>
      <c r="F33" s="57">
        <v>1.2430000000000001</v>
      </c>
      <c r="G33" s="21">
        <v>0</v>
      </c>
      <c r="H33" s="21">
        <v>1.4E-2</v>
      </c>
      <c r="I33" s="25">
        <v>0</v>
      </c>
      <c r="J33" s="63">
        <v>4.0000000000000001E-3</v>
      </c>
      <c r="K33" s="57">
        <v>7.7939999999999996</v>
      </c>
      <c r="L33" s="57">
        <v>96.56</v>
      </c>
      <c r="M33" s="57">
        <v>7.798</v>
      </c>
      <c r="N33" s="64">
        <v>104.358</v>
      </c>
    </row>
    <row r="34" spans="1:14" ht="18.75" customHeight="1" x14ac:dyDescent="0.15">
      <c r="A34" s="43" t="s">
        <v>46</v>
      </c>
      <c r="B34" s="5" t="s">
        <v>58</v>
      </c>
      <c r="C34" s="56">
        <v>3887.66</v>
      </c>
      <c r="D34" s="56">
        <v>1087.6500000000001</v>
      </c>
      <c r="E34" s="56">
        <v>4941.4799999999996</v>
      </c>
      <c r="F34" s="56">
        <v>231.98</v>
      </c>
      <c r="G34" s="9">
        <v>16.170000000000002</v>
      </c>
      <c r="H34" s="9">
        <v>0.35</v>
      </c>
      <c r="I34" s="16">
        <v>0.4</v>
      </c>
      <c r="J34" s="61">
        <v>2.66</v>
      </c>
      <c r="K34" s="56">
        <v>6515.88</v>
      </c>
      <c r="L34" s="56">
        <v>10165.289999999999</v>
      </c>
      <c r="M34" s="56">
        <v>6518.9400000000005</v>
      </c>
      <c r="N34" s="62">
        <v>16684.23</v>
      </c>
    </row>
    <row r="35" spans="1:14" ht="18.75" customHeight="1" x14ac:dyDescent="0.15">
      <c r="A35" s="44" t="s">
        <v>33</v>
      </c>
      <c r="B35" s="6" t="s">
        <v>59</v>
      </c>
      <c r="C35" s="57">
        <v>2847.4690000000001</v>
      </c>
      <c r="D35" s="57">
        <v>603.03300000000002</v>
      </c>
      <c r="E35" s="57">
        <v>1630.99</v>
      </c>
      <c r="F35" s="57">
        <v>73.576999999999998</v>
      </c>
      <c r="G35" s="21">
        <v>5.4989999999999997</v>
      </c>
      <c r="H35" s="21">
        <v>0.17499999999999999</v>
      </c>
      <c r="I35" s="25">
        <v>7.0999999999999994E-2</v>
      </c>
      <c r="J35" s="63">
        <v>0.47099999999999997</v>
      </c>
      <c r="K35" s="57">
        <v>1145.682</v>
      </c>
      <c r="L35" s="57">
        <v>5160.7430000000004</v>
      </c>
      <c r="M35" s="57">
        <v>1146.2239999999999</v>
      </c>
      <c r="N35" s="64">
        <v>6306.9669999999996</v>
      </c>
    </row>
    <row r="36" spans="1:14" ht="18.75" customHeight="1" x14ac:dyDescent="0.15">
      <c r="A36" s="44" t="s">
        <v>16</v>
      </c>
      <c r="B36" s="6" t="s">
        <v>3</v>
      </c>
      <c r="C36" s="57">
        <v>34.506</v>
      </c>
      <c r="D36" s="57">
        <v>8.6780000000000008</v>
      </c>
      <c r="E36" s="57">
        <v>28.792000000000002</v>
      </c>
      <c r="F36" s="57">
        <v>1.2909999999999999</v>
      </c>
      <c r="G36" s="21">
        <v>9.7000000000000003E-2</v>
      </c>
      <c r="H36" s="21">
        <v>2E-3</v>
      </c>
      <c r="I36" s="25">
        <v>0</v>
      </c>
      <c r="J36" s="63">
        <v>2E-3</v>
      </c>
      <c r="K36" s="57">
        <v>5.1639999999999997</v>
      </c>
      <c r="L36" s="57">
        <v>73.366</v>
      </c>
      <c r="M36" s="57">
        <v>5.1660000000000004</v>
      </c>
      <c r="N36" s="64">
        <v>78.531999999999996</v>
      </c>
    </row>
    <row r="37" spans="1:14" ht="18.75" customHeight="1" x14ac:dyDescent="0.15">
      <c r="A37" s="43" t="s">
        <v>47</v>
      </c>
      <c r="B37" s="5" t="s">
        <v>58</v>
      </c>
      <c r="C37" s="56">
        <v>4629.72</v>
      </c>
      <c r="D37" s="56">
        <v>796.2</v>
      </c>
      <c r="E37" s="56">
        <v>5405.04</v>
      </c>
      <c r="F37" s="56">
        <v>271.17</v>
      </c>
      <c r="G37" s="9">
        <v>33.549999999999997</v>
      </c>
      <c r="H37" s="9">
        <v>2.4500000000000002</v>
      </c>
      <c r="I37" s="16">
        <v>0</v>
      </c>
      <c r="J37" s="61">
        <v>16.809999999999999</v>
      </c>
      <c r="K37" s="56">
        <v>13378.72</v>
      </c>
      <c r="L37" s="56">
        <v>11138.13</v>
      </c>
      <c r="M37" s="56">
        <v>13395.529999999999</v>
      </c>
      <c r="N37" s="62">
        <v>24533.659999999996</v>
      </c>
    </row>
    <row r="38" spans="1:14" ht="18.75" customHeight="1" x14ac:dyDescent="0.15">
      <c r="A38" s="44" t="s">
        <v>34</v>
      </c>
      <c r="B38" s="6" t="s">
        <v>59</v>
      </c>
      <c r="C38" s="57">
        <v>3635.317</v>
      </c>
      <c r="D38" s="57">
        <v>471.08600000000001</v>
      </c>
      <c r="E38" s="57">
        <v>1929.787</v>
      </c>
      <c r="F38" s="57">
        <v>89.135000000000005</v>
      </c>
      <c r="G38" s="21">
        <v>12.098000000000001</v>
      </c>
      <c r="H38" s="21">
        <v>1.615</v>
      </c>
      <c r="I38" s="25">
        <v>0</v>
      </c>
      <c r="J38" s="63">
        <v>3.048</v>
      </c>
      <c r="K38" s="57">
        <v>2433.5949999999998</v>
      </c>
      <c r="L38" s="57">
        <v>6139.0379999999996</v>
      </c>
      <c r="M38" s="57">
        <v>2436.643</v>
      </c>
      <c r="N38" s="64">
        <v>8575.6810000000005</v>
      </c>
    </row>
    <row r="39" spans="1:14" ht="18.75" customHeight="1" x14ac:dyDescent="0.15">
      <c r="A39" s="44" t="s">
        <v>34</v>
      </c>
      <c r="B39" s="6" t="s">
        <v>3</v>
      </c>
      <c r="C39" s="57">
        <v>36.865000000000002</v>
      </c>
      <c r="D39" s="57">
        <v>5.56</v>
      </c>
      <c r="E39" s="57">
        <v>20.587</v>
      </c>
      <c r="F39" s="57">
        <v>0.91100000000000003</v>
      </c>
      <c r="G39" s="21">
        <v>0.13100000000000001</v>
      </c>
      <c r="H39" s="21">
        <v>1.7999999999999999E-2</v>
      </c>
      <c r="I39" s="25">
        <v>0</v>
      </c>
      <c r="J39" s="63">
        <v>5.0000000000000001E-3</v>
      </c>
      <c r="K39" s="57">
        <v>10.247</v>
      </c>
      <c r="L39" s="57">
        <v>64.072000000000003</v>
      </c>
      <c r="M39" s="57">
        <v>10.252000000000001</v>
      </c>
      <c r="N39" s="64">
        <v>74.323999999999998</v>
      </c>
    </row>
    <row r="40" spans="1:14" ht="18.75" customHeight="1" x14ac:dyDescent="0.15">
      <c r="A40" s="43" t="s">
        <v>35</v>
      </c>
      <c r="B40" s="5" t="s">
        <v>58</v>
      </c>
      <c r="C40" s="56">
        <v>2010.29</v>
      </c>
      <c r="D40" s="56">
        <v>358.21</v>
      </c>
      <c r="E40" s="56">
        <v>2728.71</v>
      </c>
      <c r="F40" s="56">
        <v>229.82</v>
      </c>
      <c r="G40" s="9">
        <v>12.67</v>
      </c>
      <c r="H40" s="9">
        <v>1.76</v>
      </c>
      <c r="I40" s="16">
        <v>0</v>
      </c>
      <c r="J40" s="61">
        <v>24.34</v>
      </c>
      <c r="K40" s="56">
        <v>14226.15</v>
      </c>
      <c r="L40" s="56">
        <v>5341.46</v>
      </c>
      <c r="M40" s="56">
        <v>14250.49</v>
      </c>
      <c r="N40" s="62">
        <v>19591.95</v>
      </c>
    </row>
    <row r="41" spans="1:14" ht="18.75" customHeight="1" x14ac:dyDescent="0.15">
      <c r="A41" s="44" t="s">
        <v>35</v>
      </c>
      <c r="B41" s="6" t="s">
        <v>59</v>
      </c>
      <c r="C41" s="57">
        <v>1660.894</v>
      </c>
      <c r="D41" s="57">
        <v>221.738</v>
      </c>
      <c r="E41" s="57">
        <v>1015.424</v>
      </c>
      <c r="F41" s="57">
        <v>83.578000000000003</v>
      </c>
      <c r="G41" s="21">
        <v>4.9429999999999996</v>
      </c>
      <c r="H41" s="21">
        <v>0.97499999999999998</v>
      </c>
      <c r="I41" s="25">
        <v>0</v>
      </c>
      <c r="J41" s="63">
        <v>4.5890000000000004</v>
      </c>
      <c r="K41" s="57">
        <v>2672.2150000000001</v>
      </c>
      <c r="L41" s="57">
        <v>2987.5520000000001</v>
      </c>
      <c r="M41" s="57">
        <v>2676.8040000000001</v>
      </c>
      <c r="N41" s="64">
        <v>5664.3559999999998</v>
      </c>
    </row>
    <row r="42" spans="1:14" ht="18.75" customHeight="1" x14ac:dyDescent="0.15">
      <c r="A42" s="44" t="s">
        <v>17</v>
      </c>
      <c r="B42" s="6" t="s">
        <v>3</v>
      </c>
      <c r="C42" s="57">
        <v>13.896000000000001</v>
      </c>
      <c r="D42" s="57">
        <v>2.3679999999999999</v>
      </c>
      <c r="E42" s="57">
        <v>10.211</v>
      </c>
      <c r="F42" s="57">
        <v>0.81399999999999995</v>
      </c>
      <c r="G42" s="21">
        <v>0.05</v>
      </c>
      <c r="H42" s="21">
        <v>1.0999999999999999E-2</v>
      </c>
      <c r="I42" s="25">
        <v>0</v>
      </c>
      <c r="J42" s="63">
        <v>0.01</v>
      </c>
      <c r="K42" s="57">
        <v>11.161</v>
      </c>
      <c r="L42" s="57">
        <v>27.35</v>
      </c>
      <c r="M42" s="57">
        <v>11.170999999999999</v>
      </c>
      <c r="N42" s="64">
        <v>38.521000000000001</v>
      </c>
    </row>
    <row r="43" spans="1:14" ht="18.75" customHeight="1" x14ac:dyDescent="0.15">
      <c r="A43" s="43" t="s">
        <v>36</v>
      </c>
      <c r="B43" s="5" t="s">
        <v>58</v>
      </c>
      <c r="C43" s="56">
        <v>616.25</v>
      </c>
      <c r="D43" s="56">
        <v>123.74</v>
      </c>
      <c r="E43" s="56">
        <v>1411.82</v>
      </c>
      <c r="F43" s="56">
        <v>100.9</v>
      </c>
      <c r="G43" s="9">
        <v>4.57</v>
      </c>
      <c r="H43" s="9">
        <v>0</v>
      </c>
      <c r="I43" s="16">
        <v>0</v>
      </c>
      <c r="J43" s="61">
        <v>21.3</v>
      </c>
      <c r="K43" s="56">
        <v>10643.56</v>
      </c>
      <c r="L43" s="56">
        <v>2257.2800000000002</v>
      </c>
      <c r="M43" s="56">
        <v>10664.859999999999</v>
      </c>
      <c r="N43" s="62">
        <v>12922.14</v>
      </c>
    </row>
    <row r="44" spans="1:14" ht="18.75" customHeight="1" x14ac:dyDescent="0.15">
      <c r="A44" s="44" t="s">
        <v>36</v>
      </c>
      <c r="B44" s="6" t="s">
        <v>59</v>
      </c>
      <c r="C44" s="57">
        <v>523.89400000000001</v>
      </c>
      <c r="D44" s="57">
        <v>78.501000000000005</v>
      </c>
      <c r="E44" s="57">
        <v>546.50400000000002</v>
      </c>
      <c r="F44" s="57">
        <v>38.755000000000003</v>
      </c>
      <c r="G44" s="21">
        <v>1.875</v>
      </c>
      <c r="H44" s="21">
        <v>0</v>
      </c>
      <c r="I44" s="25">
        <v>0</v>
      </c>
      <c r="J44" s="63">
        <v>4.0720000000000001</v>
      </c>
      <c r="K44" s="57">
        <v>2056.627</v>
      </c>
      <c r="L44" s="57">
        <v>1189.529</v>
      </c>
      <c r="M44" s="57">
        <v>2060.6990000000001</v>
      </c>
      <c r="N44" s="64">
        <v>3250.2280000000001</v>
      </c>
    </row>
    <row r="45" spans="1:14" ht="18.75" customHeight="1" x14ac:dyDescent="0.15">
      <c r="A45" s="44" t="s">
        <v>18</v>
      </c>
      <c r="B45" s="6" t="s">
        <v>3</v>
      </c>
      <c r="C45" s="57">
        <v>3.609</v>
      </c>
      <c r="D45" s="57">
        <v>0.72199999999999998</v>
      </c>
      <c r="E45" s="57">
        <v>5.1859999999999999</v>
      </c>
      <c r="F45" s="57">
        <v>0.36599999999999999</v>
      </c>
      <c r="G45" s="21">
        <v>1.7999999999999999E-2</v>
      </c>
      <c r="H45" s="21">
        <v>0</v>
      </c>
      <c r="I45" s="25">
        <v>0</v>
      </c>
      <c r="J45" s="63">
        <v>1.0999999999999999E-2</v>
      </c>
      <c r="K45" s="57">
        <v>8.1929999999999996</v>
      </c>
      <c r="L45" s="57">
        <v>9.9009999999999998</v>
      </c>
      <c r="M45" s="57">
        <v>8.2040000000000006</v>
      </c>
      <c r="N45" s="64">
        <v>18.105</v>
      </c>
    </row>
    <row r="46" spans="1:14" ht="18.75" customHeight="1" x14ac:dyDescent="0.15">
      <c r="A46" s="43" t="s">
        <v>19</v>
      </c>
      <c r="B46" s="5" t="s">
        <v>58</v>
      </c>
      <c r="C46" s="56">
        <v>298.42</v>
      </c>
      <c r="D46" s="56">
        <v>87.35</v>
      </c>
      <c r="E46" s="56">
        <v>1022.59</v>
      </c>
      <c r="F46" s="56">
        <v>61.03</v>
      </c>
      <c r="G46" s="9">
        <v>0</v>
      </c>
      <c r="H46" s="9">
        <v>0.36</v>
      </c>
      <c r="I46" s="16">
        <v>0</v>
      </c>
      <c r="J46" s="61">
        <v>11.11</v>
      </c>
      <c r="K46" s="56">
        <v>7780.67</v>
      </c>
      <c r="L46" s="56">
        <v>1469.75</v>
      </c>
      <c r="M46" s="56">
        <v>7791.78</v>
      </c>
      <c r="N46" s="62">
        <v>9261.5299999999988</v>
      </c>
    </row>
    <row r="47" spans="1:14" ht="18.75" customHeight="1" x14ac:dyDescent="0.15">
      <c r="A47" s="44" t="s">
        <v>19</v>
      </c>
      <c r="B47" s="6" t="s">
        <v>59</v>
      </c>
      <c r="C47" s="57">
        <v>260.29599999999999</v>
      </c>
      <c r="D47" s="57">
        <v>57.917000000000002</v>
      </c>
      <c r="E47" s="57">
        <v>410.26499999999999</v>
      </c>
      <c r="F47" s="57">
        <v>21.853000000000002</v>
      </c>
      <c r="G47" s="21">
        <v>0</v>
      </c>
      <c r="H47" s="21">
        <v>0.186</v>
      </c>
      <c r="I47" s="25">
        <v>0</v>
      </c>
      <c r="J47" s="63">
        <v>2.2269999999999999</v>
      </c>
      <c r="K47" s="57">
        <v>1541.0740000000001</v>
      </c>
      <c r="L47" s="57">
        <v>750.51700000000005</v>
      </c>
      <c r="M47" s="57">
        <v>1543.3009999999999</v>
      </c>
      <c r="N47" s="64">
        <v>2293.8180000000002</v>
      </c>
    </row>
    <row r="48" spans="1:14" ht="18.75" customHeight="1" x14ac:dyDescent="0.15">
      <c r="A48" s="44" t="s">
        <v>19</v>
      </c>
      <c r="B48" s="6" t="s">
        <v>3</v>
      </c>
      <c r="C48" s="57">
        <v>1.4610000000000001</v>
      </c>
      <c r="D48" s="57">
        <v>0.48499999999999999</v>
      </c>
      <c r="E48" s="57">
        <v>1.6419999999999999</v>
      </c>
      <c r="F48" s="57">
        <v>7.9000000000000001E-2</v>
      </c>
      <c r="G48" s="21">
        <v>0</v>
      </c>
      <c r="H48" s="21">
        <v>1E-3</v>
      </c>
      <c r="I48" s="25">
        <v>0</v>
      </c>
      <c r="J48" s="63">
        <v>6.0000000000000001E-3</v>
      </c>
      <c r="K48" s="57">
        <v>5.8860000000000001</v>
      </c>
      <c r="L48" s="57">
        <v>3.6680000000000001</v>
      </c>
      <c r="M48" s="57">
        <v>5.8920000000000003</v>
      </c>
      <c r="N48" s="64">
        <v>9.56</v>
      </c>
    </row>
    <row r="49" spans="1:14" ht="18.75" customHeight="1" x14ac:dyDescent="0.15">
      <c r="A49" s="33" t="s">
        <v>20</v>
      </c>
      <c r="B49" s="5" t="s">
        <v>58</v>
      </c>
      <c r="C49" s="56">
        <v>218.58</v>
      </c>
      <c r="D49" s="56">
        <v>92.77</v>
      </c>
      <c r="E49" s="56">
        <v>828.58</v>
      </c>
      <c r="F49" s="56">
        <v>31.57</v>
      </c>
      <c r="G49" s="9">
        <v>0</v>
      </c>
      <c r="H49" s="9">
        <v>0.06</v>
      </c>
      <c r="I49" s="16">
        <v>0</v>
      </c>
      <c r="J49" s="61">
        <v>5.18</v>
      </c>
      <c r="K49" s="56">
        <v>4936.3999999999996</v>
      </c>
      <c r="L49" s="56">
        <v>1171.56</v>
      </c>
      <c r="M49" s="56">
        <v>4941.58</v>
      </c>
      <c r="N49" s="62">
        <v>6113.1399999999994</v>
      </c>
    </row>
    <row r="50" spans="1:14" ht="18.75" customHeight="1" x14ac:dyDescent="0.15">
      <c r="A50" s="34" t="s">
        <v>20</v>
      </c>
      <c r="B50" s="6" t="s">
        <v>59</v>
      </c>
      <c r="C50" s="57">
        <v>194.072</v>
      </c>
      <c r="D50" s="57">
        <v>63.198999999999998</v>
      </c>
      <c r="E50" s="57">
        <v>339.88600000000002</v>
      </c>
      <c r="F50" s="57">
        <v>12.374000000000001</v>
      </c>
      <c r="G50" s="21">
        <v>0</v>
      </c>
      <c r="H50" s="21">
        <v>4.8000000000000001E-2</v>
      </c>
      <c r="I50" s="25">
        <v>0</v>
      </c>
      <c r="J50" s="63">
        <v>1.069</v>
      </c>
      <c r="K50" s="57">
        <v>1001.359</v>
      </c>
      <c r="L50" s="57">
        <v>609.57899999999995</v>
      </c>
      <c r="M50" s="57">
        <v>1002.428</v>
      </c>
      <c r="N50" s="64">
        <v>1612.0070000000001</v>
      </c>
    </row>
    <row r="51" spans="1:14" ht="18.75" customHeight="1" x14ac:dyDescent="0.15">
      <c r="A51" s="34" t="s">
        <v>20</v>
      </c>
      <c r="B51" s="6" t="s">
        <v>3</v>
      </c>
      <c r="C51" s="57">
        <v>0.97799999999999998</v>
      </c>
      <c r="D51" s="57">
        <v>0.41699999999999998</v>
      </c>
      <c r="E51" s="57">
        <v>3.004</v>
      </c>
      <c r="F51" s="57">
        <v>0.106</v>
      </c>
      <c r="G51" s="21">
        <v>0</v>
      </c>
      <c r="H51" s="21">
        <v>0</v>
      </c>
      <c r="I51" s="25">
        <v>0</v>
      </c>
      <c r="J51" s="25">
        <v>0</v>
      </c>
      <c r="K51" s="57">
        <v>3.758</v>
      </c>
      <c r="L51" s="57">
        <v>4.5049999999999999</v>
      </c>
      <c r="M51" s="57">
        <v>3.758</v>
      </c>
      <c r="N51" s="64">
        <v>8.2629999999999999</v>
      </c>
    </row>
    <row r="52" spans="1:14" ht="18.75" customHeight="1" x14ac:dyDescent="0.15">
      <c r="A52" s="33" t="s">
        <v>21</v>
      </c>
      <c r="B52" s="5" t="s">
        <v>58</v>
      </c>
      <c r="C52" s="56">
        <v>330.87</v>
      </c>
      <c r="D52" s="56">
        <v>163.35</v>
      </c>
      <c r="E52" s="56">
        <v>579.12</v>
      </c>
      <c r="F52" s="56">
        <v>24.96</v>
      </c>
      <c r="G52" s="9">
        <v>0</v>
      </c>
      <c r="H52" s="9">
        <v>0.23</v>
      </c>
      <c r="I52" s="16">
        <v>0.18</v>
      </c>
      <c r="J52" s="61">
        <v>1.89</v>
      </c>
      <c r="K52" s="56">
        <v>3083.27</v>
      </c>
      <c r="L52" s="56">
        <v>1098.5300000000002</v>
      </c>
      <c r="M52" s="56">
        <v>3085.34</v>
      </c>
      <c r="N52" s="62">
        <v>4183.8700000000008</v>
      </c>
    </row>
    <row r="53" spans="1:14" ht="18.75" customHeight="1" x14ac:dyDescent="0.15">
      <c r="A53" s="34" t="s">
        <v>21</v>
      </c>
      <c r="B53" s="6" t="s">
        <v>59</v>
      </c>
      <c r="C53" s="57">
        <v>301.66899999999998</v>
      </c>
      <c r="D53" s="57">
        <v>118.006</v>
      </c>
      <c r="E53" s="57">
        <v>245.59800000000001</v>
      </c>
      <c r="F53" s="57">
        <v>9.407</v>
      </c>
      <c r="G53" s="21">
        <v>0</v>
      </c>
      <c r="H53" s="21">
        <v>0.21</v>
      </c>
      <c r="I53" s="25">
        <v>3.7999999999999999E-2</v>
      </c>
      <c r="J53" s="63">
        <v>0.40100000000000002</v>
      </c>
      <c r="K53" s="57">
        <v>636.39</v>
      </c>
      <c r="L53" s="57">
        <v>674.89</v>
      </c>
      <c r="M53" s="57">
        <v>636.82899999999995</v>
      </c>
      <c r="N53" s="64">
        <v>1311.7190000000001</v>
      </c>
    </row>
    <row r="54" spans="1:14" ht="18.75" customHeight="1" x14ac:dyDescent="0.15">
      <c r="A54" s="34" t="s">
        <v>21</v>
      </c>
      <c r="B54" s="6" t="s">
        <v>3</v>
      </c>
      <c r="C54" s="57">
        <v>1.143</v>
      </c>
      <c r="D54" s="57">
        <v>0.76600000000000001</v>
      </c>
      <c r="E54" s="57">
        <v>0.85499999999999998</v>
      </c>
      <c r="F54" s="57">
        <v>2.9000000000000001E-2</v>
      </c>
      <c r="G54" s="21">
        <v>0</v>
      </c>
      <c r="H54" s="21">
        <v>1E-3</v>
      </c>
      <c r="I54" s="25">
        <v>0</v>
      </c>
      <c r="J54" s="63">
        <v>1E-3</v>
      </c>
      <c r="K54" s="57">
        <v>2.38</v>
      </c>
      <c r="L54" s="57">
        <v>2.794</v>
      </c>
      <c r="M54" s="57">
        <v>2.3809999999999998</v>
      </c>
      <c r="N54" s="64">
        <v>5.1749999999999998</v>
      </c>
    </row>
    <row r="55" spans="1:14" ht="18.75" customHeight="1" x14ac:dyDescent="0.15">
      <c r="A55" s="33" t="s">
        <v>22</v>
      </c>
      <c r="B55" s="5" t="s">
        <v>58</v>
      </c>
      <c r="C55" s="56">
        <v>293.14</v>
      </c>
      <c r="D55" s="56">
        <v>126.37</v>
      </c>
      <c r="E55" s="56">
        <v>478.12</v>
      </c>
      <c r="F55" s="56">
        <v>52.82</v>
      </c>
      <c r="G55" s="9">
        <v>0</v>
      </c>
      <c r="H55" s="9">
        <v>0</v>
      </c>
      <c r="I55" s="16">
        <v>0</v>
      </c>
      <c r="J55" s="61">
        <v>0.06</v>
      </c>
      <c r="K55" s="56">
        <v>1315.46</v>
      </c>
      <c r="L55" s="56">
        <v>950.45</v>
      </c>
      <c r="M55" s="56">
        <v>1315.52</v>
      </c>
      <c r="N55" s="62">
        <v>2265.9700000000003</v>
      </c>
    </row>
    <row r="56" spans="1:14" ht="18.75" customHeight="1" x14ac:dyDescent="0.15">
      <c r="A56" s="34" t="s">
        <v>22</v>
      </c>
      <c r="B56" s="6" t="s">
        <v>59</v>
      </c>
      <c r="C56" s="57">
        <v>259.46499999999997</v>
      </c>
      <c r="D56" s="57">
        <v>89.126000000000005</v>
      </c>
      <c r="E56" s="57">
        <v>200.41800000000001</v>
      </c>
      <c r="F56" s="57">
        <v>23.024999999999999</v>
      </c>
      <c r="G56" s="21">
        <v>0</v>
      </c>
      <c r="H56" s="21">
        <v>0</v>
      </c>
      <c r="I56" s="25">
        <v>0</v>
      </c>
      <c r="J56" s="63">
        <v>0.01</v>
      </c>
      <c r="K56" s="57">
        <v>275.464</v>
      </c>
      <c r="L56" s="57">
        <v>572.03399999999999</v>
      </c>
      <c r="M56" s="57">
        <v>275.47399999999999</v>
      </c>
      <c r="N56" s="64">
        <v>847.50800000000004</v>
      </c>
    </row>
    <row r="57" spans="1:14" ht="18.75" customHeight="1" x14ac:dyDescent="0.15">
      <c r="A57" s="34" t="s">
        <v>22</v>
      </c>
      <c r="B57" s="6" t="s">
        <v>3</v>
      </c>
      <c r="C57" s="57">
        <v>0.84399999999999997</v>
      </c>
      <c r="D57" s="57">
        <v>0.51700000000000002</v>
      </c>
      <c r="E57" s="57">
        <v>0.67200000000000004</v>
      </c>
      <c r="F57" s="57">
        <v>8.6999999999999994E-2</v>
      </c>
      <c r="G57" s="21">
        <v>0</v>
      </c>
      <c r="H57" s="21">
        <v>0</v>
      </c>
      <c r="I57" s="25">
        <v>0</v>
      </c>
      <c r="J57" s="26">
        <v>0</v>
      </c>
      <c r="K57" s="21">
        <v>0.93100000000000005</v>
      </c>
      <c r="L57" s="21">
        <v>2.12</v>
      </c>
      <c r="M57" s="21">
        <v>0.93100000000000005</v>
      </c>
      <c r="N57" s="22">
        <v>3.0510000000000002</v>
      </c>
    </row>
    <row r="58" spans="1:14" ht="18.75" customHeight="1" x14ac:dyDescent="0.15">
      <c r="A58" s="33" t="s">
        <v>23</v>
      </c>
      <c r="B58" s="5" t="s">
        <v>58</v>
      </c>
      <c r="C58" s="56">
        <v>290.02</v>
      </c>
      <c r="D58" s="56">
        <v>91.64</v>
      </c>
      <c r="E58" s="56">
        <v>387.22</v>
      </c>
      <c r="F58" s="56">
        <v>43.65</v>
      </c>
      <c r="G58" s="9">
        <v>0</v>
      </c>
      <c r="H58" s="9">
        <v>0.31</v>
      </c>
      <c r="I58" s="16">
        <v>0</v>
      </c>
      <c r="J58" s="17">
        <v>0</v>
      </c>
      <c r="K58" s="9">
        <v>541.45000000000005</v>
      </c>
      <c r="L58" s="9">
        <v>812.83999999999992</v>
      </c>
      <c r="M58" s="9">
        <v>541.45000000000005</v>
      </c>
      <c r="N58" s="11">
        <v>1354.29</v>
      </c>
    </row>
    <row r="59" spans="1:14" ht="18.75" customHeight="1" x14ac:dyDescent="0.15">
      <c r="A59" s="34" t="s">
        <v>23</v>
      </c>
      <c r="B59" s="6" t="s">
        <v>59</v>
      </c>
      <c r="C59" s="57">
        <v>266.11599999999999</v>
      </c>
      <c r="D59" s="57">
        <v>69.206999999999994</v>
      </c>
      <c r="E59" s="57">
        <v>163.83000000000001</v>
      </c>
      <c r="F59" s="57">
        <v>19.326000000000001</v>
      </c>
      <c r="G59" s="21">
        <v>0</v>
      </c>
      <c r="H59" s="21">
        <v>0.19800000000000001</v>
      </c>
      <c r="I59" s="25">
        <v>0</v>
      </c>
      <c r="J59" s="26">
        <v>0</v>
      </c>
      <c r="K59" s="57">
        <v>114.764</v>
      </c>
      <c r="L59" s="57">
        <v>518.67700000000002</v>
      </c>
      <c r="M59" s="57">
        <v>114.764</v>
      </c>
      <c r="N59" s="64">
        <v>633.44100000000003</v>
      </c>
    </row>
    <row r="60" spans="1:14" ht="18.75" customHeight="1" x14ac:dyDescent="0.15">
      <c r="A60" s="34" t="s">
        <v>23</v>
      </c>
      <c r="B60" s="6" t="s">
        <v>3</v>
      </c>
      <c r="C60" s="57">
        <v>0.60299999999999998</v>
      </c>
      <c r="D60" s="57">
        <v>0.30399999999999999</v>
      </c>
      <c r="E60" s="57">
        <v>0.47599999999999998</v>
      </c>
      <c r="F60" s="57">
        <v>6.4000000000000001E-2</v>
      </c>
      <c r="G60" s="21">
        <v>0</v>
      </c>
      <c r="H60" s="21">
        <v>1E-3</v>
      </c>
      <c r="I60" s="25">
        <v>0</v>
      </c>
      <c r="J60" s="26">
        <v>0</v>
      </c>
      <c r="K60" s="57">
        <v>0.36099999999999999</v>
      </c>
      <c r="L60" s="57">
        <v>1.448</v>
      </c>
      <c r="M60" s="57">
        <v>0.36099999999999999</v>
      </c>
      <c r="N60" s="64">
        <v>1.8089999999999999</v>
      </c>
    </row>
    <row r="61" spans="1:14" ht="18.75" customHeight="1" x14ac:dyDescent="0.15">
      <c r="A61" s="45" t="s">
        <v>37</v>
      </c>
      <c r="B61" s="5" t="s">
        <v>58</v>
      </c>
      <c r="C61" s="56">
        <v>624.36</v>
      </c>
      <c r="D61" s="56">
        <v>195.55</v>
      </c>
      <c r="E61" s="56">
        <v>856.14</v>
      </c>
      <c r="F61" s="56">
        <v>279.8</v>
      </c>
      <c r="G61" s="9">
        <v>0.34</v>
      </c>
      <c r="H61" s="9">
        <v>0.32</v>
      </c>
      <c r="I61" s="30">
        <v>194.38</v>
      </c>
      <c r="J61" s="30">
        <v>0.12</v>
      </c>
      <c r="K61" s="65">
        <v>1230.3499999999999</v>
      </c>
      <c r="L61" s="56">
        <v>1956.51</v>
      </c>
      <c r="M61" s="56">
        <v>1424.85</v>
      </c>
      <c r="N61" s="62">
        <v>3381.3599999999997</v>
      </c>
    </row>
    <row r="62" spans="1:14" ht="18.75" customHeight="1" x14ac:dyDescent="0.15">
      <c r="A62" s="46" t="s">
        <v>37</v>
      </c>
      <c r="B62" s="6" t="s">
        <v>59</v>
      </c>
      <c r="C62" s="57">
        <v>577.798</v>
      </c>
      <c r="D62" s="57">
        <v>148.11099999999999</v>
      </c>
      <c r="E62" s="57">
        <v>377.26100000000002</v>
      </c>
      <c r="F62" s="57">
        <v>103.045</v>
      </c>
      <c r="G62" s="21">
        <v>0.151</v>
      </c>
      <c r="H62" s="21">
        <v>0.26300000000000001</v>
      </c>
      <c r="I62" s="10">
        <v>43.441000000000003</v>
      </c>
      <c r="J62" s="10">
        <v>1.6E-2</v>
      </c>
      <c r="K62" s="66">
        <v>262.24700000000001</v>
      </c>
      <c r="L62" s="57">
        <v>1206.6289999999999</v>
      </c>
      <c r="M62" s="57">
        <v>305.70400000000001</v>
      </c>
      <c r="N62" s="64">
        <v>1512.3330000000001</v>
      </c>
    </row>
    <row r="63" spans="1:14" ht="18.75" customHeight="1" x14ac:dyDescent="0.15">
      <c r="A63" s="46" t="s">
        <v>37</v>
      </c>
      <c r="B63" s="6" t="s">
        <v>3</v>
      </c>
      <c r="C63" s="57">
        <v>1.3979999999999999</v>
      </c>
      <c r="D63" s="57">
        <v>0.65400000000000003</v>
      </c>
      <c r="E63" s="57">
        <v>1.071</v>
      </c>
      <c r="F63" s="57">
        <v>0.3</v>
      </c>
      <c r="G63" s="21">
        <v>0</v>
      </c>
      <c r="H63" s="21">
        <v>1E-3</v>
      </c>
      <c r="I63" s="10">
        <v>0.189</v>
      </c>
      <c r="J63" s="10">
        <v>0</v>
      </c>
      <c r="K63" s="66">
        <v>0.86499999999999999</v>
      </c>
      <c r="L63" s="57">
        <v>3.4239999999999999</v>
      </c>
      <c r="M63" s="57">
        <v>1.054</v>
      </c>
      <c r="N63" s="64">
        <v>4.4779999999999998</v>
      </c>
    </row>
    <row r="64" spans="1:14" ht="18.75" customHeight="1" x14ac:dyDescent="0.15">
      <c r="A64" s="43" t="s">
        <v>38</v>
      </c>
      <c r="B64" s="5" t="s">
        <v>60</v>
      </c>
      <c r="C64" s="56">
        <v>31407.850000000002</v>
      </c>
      <c r="D64" s="56">
        <v>25929.84</v>
      </c>
      <c r="E64" s="56">
        <v>28737.789999999997</v>
      </c>
      <c r="F64" s="56">
        <v>1923.71</v>
      </c>
      <c r="G64" s="9">
        <v>67.900000000000006</v>
      </c>
      <c r="H64" s="9">
        <v>21.7</v>
      </c>
      <c r="I64" s="30">
        <v>194.96</v>
      </c>
      <c r="J64" s="31">
        <v>388.8300000000001</v>
      </c>
      <c r="K64" s="65">
        <v>85495.55</v>
      </c>
      <c r="L64" s="56">
        <v>88088.79</v>
      </c>
      <c r="M64" s="56">
        <v>86079.34</v>
      </c>
      <c r="N64" s="62">
        <v>174168.13</v>
      </c>
    </row>
    <row r="65" spans="1:14" ht="18.75" customHeight="1" x14ac:dyDescent="0.15">
      <c r="A65" s="44" t="s">
        <v>39</v>
      </c>
      <c r="B65" s="6" t="s">
        <v>61</v>
      </c>
      <c r="C65" s="57">
        <v>20727.294999999998</v>
      </c>
      <c r="D65" s="57">
        <v>9812.7209999999995</v>
      </c>
      <c r="E65" s="57">
        <v>9710.2060000000001</v>
      </c>
      <c r="F65" s="57">
        <v>614.61500000000001</v>
      </c>
      <c r="G65" s="21">
        <v>24.728999999999999</v>
      </c>
      <c r="H65" s="21">
        <v>6.6689999999999996</v>
      </c>
      <c r="I65" s="10">
        <v>43.55</v>
      </c>
      <c r="J65" s="10">
        <v>44.313000000000002</v>
      </c>
      <c r="K65" s="66">
        <v>15175.050999999999</v>
      </c>
      <c r="L65" s="57">
        <v>40896.235000000001</v>
      </c>
      <c r="M65" s="57">
        <v>15262.914000000001</v>
      </c>
      <c r="N65" s="64">
        <v>56159.148999999998</v>
      </c>
    </row>
    <row r="66" spans="1:14" ht="18.75" customHeight="1" thickBot="1" x14ac:dyDescent="0.2">
      <c r="A66" s="47" t="s">
        <v>39</v>
      </c>
      <c r="B66" s="6" t="s">
        <v>3</v>
      </c>
      <c r="C66" s="57">
        <v>319.11700000000002</v>
      </c>
      <c r="D66" s="57">
        <v>239.858</v>
      </c>
      <c r="E66" s="57">
        <v>131.88999999999999</v>
      </c>
      <c r="F66" s="57">
        <v>7.3150000000000004</v>
      </c>
      <c r="G66" s="21">
        <v>0.3</v>
      </c>
      <c r="H66" s="21">
        <v>0.13100000000000001</v>
      </c>
      <c r="I66" s="32">
        <v>0.189</v>
      </c>
      <c r="J66" s="32">
        <v>0.84</v>
      </c>
      <c r="K66" s="66">
        <v>94.751999999999995</v>
      </c>
      <c r="L66" s="57">
        <v>698.61099999999999</v>
      </c>
      <c r="M66" s="57">
        <v>95.781000000000006</v>
      </c>
      <c r="N66" s="64">
        <v>794.39200000000005</v>
      </c>
    </row>
    <row r="67" spans="1:14" ht="18.75" customHeight="1" thickTop="1" x14ac:dyDescent="0.15">
      <c r="A67" s="48" t="s">
        <v>4</v>
      </c>
      <c r="B67" s="7" t="s">
        <v>58</v>
      </c>
      <c r="C67" s="58">
        <v>8894.2199999999993</v>
      </c>
      <c r="D67" s="58">
        <v>20929.550000000003</v>
      </c>
      <c r="E67" s="58">
        <v>541.36</v>
      </c>
      <c r="F67" s="58">
        <v>178.9</v>
      </c>
      <c r="G67" s="27">
        <v>0.6</v>
      </c>
      <c r="H67" s="12">
        <v>14.24</v>
      </c>
      <c r="I67" s="10">
        <v>0</v>
      </c>
      <c r="J67" s="15">
        <v>77.27000000000001</v>
      </c>
      <c r="K67" s="58">
        <v>4365.21</v>
      </c>
      <c r="L67" s="58">
        <v>30558.870000000006</v>
      </c>
      <c r="M67" s="58">
        <v>4442.4800000000005</v>
      </c>
      <c r="N67" s="67">
        <v>35001.350000000006</v>
      </c>
    </row>
    <row r="68" spans="1:14" ht="18.75" customHeight="1" x14ac:dyDescent="0.15">
      <c r="A68" s="49" t="s">
        <v>5</v>
      </c>
      <c r="B68" s="6" t="s">
        <v>62</v>
      </c>
      <c r="C68" s="59">
        <v>4119.42</v>
      </c>
      <c r="D68" s="59">
        <v>6936.875</v>
      </c>
      <c r="E68" s="59">
        <v>81.99</v>
      </c>
      <c r="F68" s="59">
        <v>25.249000000000002</v>
      </c>
      <c r="G68" s="28">
        <v>0.16299999999999998</v>
      </c>
      <c r="H68" s="14">
        <v>4</v>
      </c>
      <c r="I68" s="10">
        <v>0</v>
      </c>
      <c r="J68" s="15">
        <v>1.5529999999999999</v>
      </c>
      <c r="K68" s="59">
        <v>420.35199999999998</v>
      </c>
      <c r="L68" s="59">
        <v>11167.697</v>
      </c>
      <c r="M68" s="59">
        <v>421.90499999999997</v>
      </c>
      <c r="N68" s="68">
        <v>11589.602000000001</v>
      </c>
    </row>
    <row r="69" spans="1:14" ht="18.75" customHeight="1" x14ac:dyDescent="0.15">
      <c r="A69" s="49" t="s">
        <v>6</v>
      </c>
      <c r="B69" s="6" t="s">
        <v>3</v>
      </c>
      <c r="C69" s="59">
        <v>122.676</v>
      </c>
      <c r="D69" s="59">
        <v>202.75100000000003</v>
      </c>
      <c r="E69" s="59">
        <v>3</v>
      </c>
      <c r="F69" s="59">
        <v>4.0000000000000001E-3</v>
      </c>
      <c r="G69" s="29">
        <v>4.0000000000000001E-3</v>
      </c>
      <c r="H69" s="14">
        <v>8.2000000000000003E-2</v>
      </c>
      <c r="I69" s="20">
        <v>0</v>
      </c>
      <c r="J69" s="15">
        <v>0.216</v>
      </c>
      <c r="K69" s="59">
        <v>14.074</v>
      </c>
      <c r="L69" s="59">
        <v>328.51700000000005</v>
      </c>
      <c r="M69" s="59">
        <v>14.29</v>
      </c>
      <c r="N69" s="68">
        <v>342.80700000000007</v>
      </c>
    </row>
    <row r="70" spans="1:14" ht="18.75" customHeight="1" x14ac:dyDescent="0.15">
      <c r="A70" s="50" t="s">
        <v>4</v>
      </c>
      <c r="B70" s="5" t="s">
        <v>63</v>
      </c>
      <c r="C70" s="56">
        <v>22513.63</v>
      </c>
      <c r="D70" s="56">
        <v>5000.2899999999972</v>
      </c>
      <c r="E70" s="56">
        <v>28196.429999999997</v>
      </c>
      <c r="F70" s="56">
        <v>1744.81</v>
      </c>
      <c r="G70" s="9">
        <v>67.300000000000011</v>
      </c>
      <c r="H70" s="9">
        <v>7.4599999999999991</v>
      </c>
      <c r="I70" s="16">
        <v>194.96</v>
      </c>
      <c r="J70" s="17">
        <v>311.56000000000006</v>
      </c>
      <c r="K70" s="56">
        <v>81130.34</v>
      </c>
      <c r="L70" s="56">
        <v>57529.919999999984</v>
      </c>
      <c r="M70" s="56">
        <v>81636.86</v>
      </c>
      <c r="N70" s="62">
        <v>139166.78</v>
      </c>
    </row>
    <row r="71" spans="1:14" ht="18.75" customHeight="1" x14ac:dyDescent="0.15">
      <c r="A71" s="49" t="s">
        <v>5</v>
      </c>
      <c r="B71" s="6" t="s">
        <v>64</v>
      </c>
      <c r="C71" s="59">
        <v>16607.875</v>
      </c>
      <c r="D71" s="59">
        <v>2875.8459999999995</v>
      </c>
      <c r="E71" s="59">
        <v>9628.2160000000003</v>
      </c>
      <c r="F71" s="59">
        <v>589.36599999999999</v>
      </c>
      <c r="G71" s="13">
        <v>24.565999999999999</v>
      </c>
      <c r="H71" s="13">
        <v>2.6689999999999996</v>
      </c>
      <c r="I71" s="14">
        <v>43.55</v>
      </c>
      <c r="J71" s="15">
        <v>42.760000000000005</v>
      </c>
      <c r="K71" s="59">
        <v>14754.698999999999</v>
      </c>
      <c r="L71" s="59">
        <v>29728.538</v>
      </c>
      <c r="M71" s="59">
        <v>14841.009</v>
      </c>
      <c r="N71" s="68">
        <v>44569.546999999999</v>
      </c>
    </row>
    <row r="72" spans="1:14" ht="18.75" customHeight="1" thickBot="1" x14ac:dyDescent="0.2">
      <c r="A72" s="51" t="s">
        <v>7</v>
      </c>
      <c r="B72" s="23" t="s">
        <v>3</v>
      </c>
      <c r="C72" s="60">
        <v>196.44100000000003</v>
      </c>
      <c r="D72" s="60">
        <v>37.106999999999971</v>
      </c>
      <c r="E72" s="60">
        <v>128.88999999999999</v>
      </c>
      <c r="F72" s="60">
        <v>7.3110000000000008</v>
      </c>
      <c r="G72" s="24">
        <v>0.29599999999999999</v>
      </c>
      <c r="H72" s="18">
        <v>4.9000000000000002E-2</v>
      </c>
      <c r="I72" s="18">
        <v>0.189</v>
      </c>
      <c r="J72" s="19">
        <v>0.624</v>
      </c>
      <c r="K72" s="60">
        <v>80.677999999999997</v>
      </c>
      <c r="L72" s="60">
        <v>370.09399999999994</v>
      </c>
      <c r="M72" s="60">
        <v>81.491000000000014</v>
      </c>
      <c r="N72" s="69">
        <v>451.58499999999998</v>
      </c>
    </row>
    <row r="73" spans="1:14" ht="18" thickTop="1" x14ac:dyDescent="0.15">
      <c r="A73" s="8"/>
      <c r="B73" s="8"/>
      <c r="C73" s="8"/>
      <c r="D73" s="8"/>
      <c r="E73" s="8"/>
      <c r="F73" s="8"/>
      <c r="G73" s="8"/>
      <c r="H73" s="8"/>
      <c r="I73" s="8"/>
      <c r="J73" s="8"/>
      <c r="K73" s="8"/>
      <c r="L73" s="8"/>
      <c r="M73" s="8"/>
      <c r="N73" s="8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OddEven="1" scaleWithDoc="0" alignWithMargins="0">
    <oddHeader>&amp;L&amp;20　　&amp;12(5) 森林計画区別森林資源構成表（斐伊川）</oddHeader>
  </headerFooter>
  <colBreaks count="1" manualBreakCount="1">
    <brk id="9" max="7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5-1)</vt:lpstr>
      <vt:lpstr>'2(5-1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4:55Z</dcterms:modified>
</cp:coreProperties>
</file>